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68" r:id="rId3"/>
    <p:sldId id="283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napToGrid="0">
      <p:cViewPr>
        <p:scale>
          <a:sx n="100" d="100"/>
          <a:sy n="100" d="100"/>
        </p:scale>
        <p:origin x="990" y="2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7A1251-8411-F4AA-6D15-06B0B398140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0035BB-732E-828B-994E-9386721649C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6B49B0-66B2-238F-8BEF-BAB630E93D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2BECAD-7EA7-42AE-F8E7-B49D84593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BD2306-92C7-BAC7-DE3F-2390C16D82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60940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07664A-7FDB-DE17-7671-57C5B15067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6EE1A5-22B0-C339-AE93-943C56B8DD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24FC92-46E4-68A2-0795-B743720B10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BE9F3F-D2EC-5793-4C07-7505A87B5F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DB64F-56F2-9520-0ADE-CFA424227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08984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5A3C399-DA74-8353-60E6-BD9BFCC0D8B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16756FA-3280-3042-3B1F-A334BCF313E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273235-E34A-E501-6BD7-A8B8AB6B41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0F6BC2-4636-9B5E-1EC2-4C6100685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6BE013-9185-A452-19E2-C0E58B40F9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855281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07A8B-35BF-4541-81FE-E5D6D35571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0B7D561-28A8-4609-9426-2428E832A8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299064-7A66-40EE-9E00-602D1FDF1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9FE7B74-DD51-4341-BAF5-32EAA4608C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5FEE51-494F-4E5F-B8CA-231ECECFE4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767951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2F219B-35A9-4C08-A297-74651BF7F4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79A71FC-A0F5-477C-9952-AAB37A0141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C93557-AF77-4501-9B27-D6A64A3F41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C180FD-CB9F-404B-B18F-23E937AF12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E7C70D-0E99-44C5-8A6D-ADCD080F91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519810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D4BE35-879B-47B3-BDA0-5B2CD093F4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940351-0FA7-4B39-8C66-EADD97ACD3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67493E-1F3D-4106-B0D0-8D220BC265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EDEC1A-27B1-4A5B-A05C-822470833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EB312-0AA7-41B7-A1BF-5CDB345C9E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790287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4304C2-6B00-4263-8C03-C06E64CDCC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DB4DF9-225D-44B8-A247-DF557BF7D52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A0A9854-9909-423C-A98B-EAAFA712943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6A73F7-4768-473F-9A01-81919E97E3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1E8478-5EE8-4678-8CA9-580572B51E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DD686-525F-43E9-A65D-564873EC2C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763498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B45DF0-C272-44A0-B140-7CB5170E17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C4952F-0716-4C1E-BA27-74526385CF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F3573A5-E1C7-4F78-9170-A7299478C99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354738E-54A3-4CAB-9147-AB59445953A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5F7DB6A-02AE-4A38-9F6B-A7005B85287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F71DF7B-7A81-4127-8A7B-277BB3AA4F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04391E-F496-4012-A4A2-59CF1C7317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15EE36D-CEEA-4768-9319-4608927140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596496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B4485D-F850-432A-808B-AB0F73B6D9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AD77FC1-A38C-418E-9A57-32322153C9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A76352B-532D-4CC7-8ACF-55899D9693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6612E33-5987-4F5F-9A0A-7D75CE9469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905266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D15EFDB-28C3-46D9-904F-C44524CAA1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ED993A7-A4E2-4573-9274-47E6D8CD6A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8CD1E4D-28E3-4056-A116-D002348C97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910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6218DB-0918-4C5F-80FF-9C02A0C479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AEC158-EE0D-42F8-A787-18A13F466B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AC8F8E7-4041-4281-8329-051616123F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93B8E6A-F613-4941-AD6C-64BA7F4B41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A547AFE-86E3-43B1-B35E-0320B8DD38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BAD6EA9-892F-4FFA-BAF5-DE4720B085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14526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CAE9B9-13ED-8204-7DE5-3C5399E3FD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94B205-161C-9229-13B9-61A1D1738F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638F0-6FDD-0356-A5D6-6830049005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E420C0-F2FA-4D92-5403-E0C3316416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A1CF6D-1381-9493-CB40-6372686F3B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05269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DE3882-8ED6-4989-8431-8C9190FD81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A7DD07-7A96-4AB9-A18C-A5DA77A5448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732D4CB-1482-43DC-8B3B-B6AFF3BE2C8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3A982C-237A-439D-8D3A-6A225195DC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4E77DE-F47C-40F4-BDED-80E4717FFF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B4FC949-E8E0-4CA0-8164-BA4DC286B5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270812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FF3A2C-10D1-4C1E-88A2-81AEB1FE2A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CED55E9-4880-4FAD-ADEE-6B769882441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28E95D-99E7-4DD5-B6D5-48298C1FAB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25AF4B-3EF6-4778-9DC0-817DCB4968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6D6D84-327C-45AC-8DEC-737E445366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13396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A604499-7C7B-434E-901A-4D90E9DCD7C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C833D2F-8A37-4B3E-9B68-491DF65AC0B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A8E577-ED07-4767-9D97-904D803507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487F3F-3664-4F78-A898-6C7A5CEE85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1F9069-AC99-408A-BB3C-E8C720E4F7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361094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08FE27-7F3B-62FF-E470-C9B45EA3EB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E68B456-E0F2-1F4F-F700-6A7789917D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56B74D-BE38-B3A5-C919-B05375B912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5B648B-F6E1-67A4-CA2B-B704D84760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E5CE72-EC8D-00F7-BD72-F3DF0DBCDC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332725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5292FB-1270-A1C0-24CA-9C267B88DC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7BF17C-479B-8E78-B82D-A9041BC619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7E54115-F010-82DD-C5DF-60372EF7DAC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A85382-DAAD-FEBC-A9A4-ABC9A82A76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2B5AD2-9E27-94A4-2B1D-F0D57B09CA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4F9C17F-2219-7BF9-D658-4CA415D641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193012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4CEE69-94E1-7442-CFCD-CCDFFCC84C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282320-E4E9-1060-6881-5A9500FD48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5260147-2480-DFA4-DE0D-86C65FF23C7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9090D4E-004D-B571-DF06-1F34DC76D4C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CAB813-20F8-13B0-6B15-49637B281B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D2C953-F7C2-C751-493C-0E2865939C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85A9BA7-490F-8DCF-448B-E1B4C59270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171FE9A-2CA6-9A4D-7109-5C7A1AF239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898542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D04793-6233-5643-C685-D23ED89566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729040-F4E6-2483-3608-EC39B8A1E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44FDEB-2228-D6AB-506D-8DFCE0D596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C784D7E-2C31-0A80-9873-D96973599D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163326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0645691-C197-0114-0811-B86E7AC323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7F883F-A511-B3D4-3915-60EB36E97A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99F5584-F3A0-1C40-E185-2B5F2AFCE2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4417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21677-CB47-3285-5098-157742D47B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224C1-D628-D760-9C60-1F6FB06B99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F991245-274C-D9A8-E3A8-08ABE103CD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E9365B-F61E-2196-DC3B-22EB2371A2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C5BE751-A1CF-A0A0-E1FF-E30D2B9E1E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155756-2AE8-2032-189B-8DCB0EC37A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63546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F017A-3BBC-355C-0571-E162655BD9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01439D3-7DF3-279E-4608-8B612CE500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20DB7F6-4273-4A4D-9BA4-A48CBA37CC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4B636D-D779-A8F9-D99F-E27FF43E20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839DEA5-49E9-7F3D-4ED8-F0323E15AF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D3BE44-8CEE-28C0-75E9-59300976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14059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3875854-A558-AA52-FC38-091995671D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0475AB-7D2A-58B1-D6E3-9911CC6F4D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E8619-53B1-49E3-16B6-813262C7935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DE9D2504-DB88-425E-B185-6D51447844C2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962746D-4095-E6CF-41A8-D0C1B3CDCF0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93591A-0C94-D35D-25CC-0494D89E3D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6427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8423A61-946C-4B23-A490-CED1D26E16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2992D32-B056-4A0D-B73E-6123B2B4F4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AB0FBC-D927-4367-9597-D02F4FF82D6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D1E5F9A-BA5B-4666-9A79-568AD7C9F109}" type="datetimeFigureOut">
              <a:rPr lang="en-US" smtClean="0"/>
              <a:t>02/24/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85514F-CDA2-42FE-BAA9-D30351FC4B6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60B5CFE-CEBB-45E8-BDD7-47A5184371E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54835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279" Type="http://schemas.openxmlformats.org/officeDocument/2006/relationships/tags" Target="../tags/tag279.xml"/><Relationship Id="rId43" Type="http://schemas.openxmlformats.org/officeDocument/2006/relationships/tags" Target="../tags/tag43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46" Type="http://schemas.openxmlformats.org/officeDocument/2006/relationships/tags" Target="../tags/tag346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108" Type="http://schemas.openxmlformats.org/officeDocument/2006/relationships/tags" Target="../tags/tag108.xml"/><Relationship Id="rId315" Type="http://schemas.openxmlformats.org/officeDocument/2006/relationships/tags" Target="../tags/tag315.xml"/><Relationship Id="rId54" Type="http://schemas.openxmlformats.org/officeDocument/2006/relationships/tags" Target="../tags/tag54.xml"/><Relationship Id="rId96" Type="http://schemas.openxmlformats.org/officeDocument/2006/relationships/tags" Target="../tags/tag96.xml"/><Relationship Id="rId161" Type="http://schemas.openxmlformats.org/officeDocument/2006/relationships/tags" Target="../tags/tag161.xml"/><Relationship Id="rId217" Type="http://schemas.openxmlformats.org/officeDocument/2006/relationships/tags" Target="../tags/tag217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326" Type="http://schemas.openxmlformats.org/officeDocument/2006/relationships/tags" Target="../tags/tag326.xml"/><Relationship Id="rId65" Type="http://schemas.openxmlformats.org/officeDocument/2006/relationships/tags" Target="../tags/tag65.xml"/><Relationship Id="rId130" Type="http://schemas.openxmlformats.org/officeDocument/2006/relationships/tags" Target="../tags/tag130.xml"/><Relationship Id="rId172" Type="http://schemas.openxmlformats.org/officeDocument/2006/relationships/tags" Target="../tags/tag172.xml"/><Relationship Id="rId228" Type="http://schemas.openxmlformats.org/officeDocument/2006/relationships/tags" Target="../tags/tag228.xml"/><Relationship Id="rId281" Type="http://schemas.openxmlformats.org/officeDocument/2006/relationships/tags" Target="../tags/tag281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76" Type="http://schemas.openxmlformats.org/officeDocument/2006/relationships/tags" Target="../tags/tag76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83" Type="http://schemas.openxmlformats.org/officeDocument/2006/relationships/tags" Target="../tags/tag183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45" Type="http://schemas.openxmlformats.org/officeDocument/2006/relationships/tags" Target="../tags/tag45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348" Type="http://schemas.openxmlformats.org/officeDocument/2006/relationships/image" Target="../media/image3.png"/><Relationship Id="rId152" Type="http://schemas.openxmlformats.org/officeDocument/2006/relationships/tags" Target="../tags/tag152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325" Type="http://schemas.openxmlformats.org/officeDocument/2006/relationships/tags" Target="../tags/tag325.xml"/><Relationship Id="rId171" Type="http://schemas.openxmlformats.org/officeDocument/2006/relationships/tags" Target="../tags/tag171.xml"/><Relationship Id="rId227" Type="http://schemas.openxmlformats.org/officeDocument/2006/relationships/tags" Target="../tags/tag227.xml"/><Relationship Id="rId269" Type="http://schemas.openxmlformats.org/officeDocument/2006/relationships/tags" Target="../tags/tag269.xml"/><Relationship Id="rId33" Type="http://schemas.openxmlformats.org/officeDocument/2006/relationships/tags" Target="../tags/tag33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36" Type="http://schemas.openxmlformats.org/officeDocument/2006/relationships/tags" Target="../tags/tag336.xml"/><Relationship Id="rId75" Type="http://schemas.openxmlformats.org/officeDocument/2006/relationships/tags" Target="../tags/tag75.xml"/><Relationship Id="rId140" Type="http://schemas.openxmlformats.org/officeDocument/2006/relationships/tags" Target="../tags/tag140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47" Type="http://schemas.openxmlformats.org/officeDocument/2006/relationships/slideLayout" Target="../slideLayouts/slideLayout18.xml"/><Relationship Id="rId44" Type="http://schemas.openxmlformats.org/officeDocument/2006/relationships/tags" Target="../tags/tag44.xml"/><Relationship Id="rId86" Type="http://schemas.openxmlformats.org/officeDocument/2006/relationships/tags" Target="../tags/tag86.xml"/><Relationship Id="rId151" Type="http://schemas.openxmlformats.org/officeDocument/2006/relationships/tags" Target="../tags/tag151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16" Type="http://schemas.openxmlformats.org/officeDocument/2006/relationships/tags" Target="../tags/tag316.xml"/><Relationship Id="rId55" Type="http://schemas.openxmlformats.org/officeDocument/2006/relationships/tags" Target="../tags/tag55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62" Type="http://schemas.openxmlformats.org/officeDocument/2006/relationships/tags" Target="../tags/tag162.xml"/><Relationship Id="rId218" Type="http://schemas.openxmlformats.org/officeDocument/2006/relationships/tags" Target="../tags/tag218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66" Type="http://schemas.openxmlformats.org/officeDocument/2006/relationships/tags" Target="../tags/tag66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173" Type="http://schemas.openxmlformats.org/officeDocument/2006/relationships/tags" Target="../tags/tag173.xml"/><Relationship Id="rId229" Type="http://schemas.openxmlformats.org/officeDocument/2006/relationships/tags" Target="../tags/tag229.xml"/><Relationship Id="rId240" Type="http://schemas.openxmlformats.org/officeDocument/2006/relationships/tags" Target="../tags/tag24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ptos" panose="0211000402020202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3CCCC02-DE54-B9FD-255B-25CF701C01B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OTLSHAPE_SL2A_3e8fef0500e8468ea7347594c962f71a_BackgroundRectangle">
            <a:extLst>
              <a:ext uri="{FF2B5EF4-FFF2-40B4-BE49-F238E27FC236}">
                <a16:creationId xmlns:a16="http://schemas.microsoft.com/office/drawing/2014/main" id="{4748A668-046E-D293-2389-C1F645C26FE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96769" y="1720501"/>
            <a:ext cx="10363200" cy="1357884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4" name="OTLSHAPE_SL2A_673f89488e9444cfaceaf35675724b1e_BackgroundRectangle">
            <a:extLst>
              <a:ext uri="{FF2B5EF4-FFF2-40B4-BE49-F238E27FC236}">
                <a16:creationId xmlns:a16="http://schemas.microsoft.com/office/drawing/2014/main" id="{D8852113-170A-4B3C-73ED-BCB3541E582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96769" y="3116485"/>
            <a:ext cx="10363200" cy="1446953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7" name="OTLSHAPE_SL2A_668611fcac564971bdc5693d08db671c_BackgroundRectangle">
            <a:extLst>
              <a:ext uri="{FF2B5EF4-FFF2-40B4-BE49-F238E27FC236}">
                <a16:creationId xmlns:a16="http://schemas.microsoft.com/office/drawing/2014/main" id="{88237C03-03BC-5920-280B-5BB4FBA0A14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96769" y="4601538"/>
            <a:ext cx="10363200" cy="1205315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8" name="OTLSHAPE_SL2A_fb76f6303a8e498e954e40ce24cebb05_BackgroundRectangle">
            <a:extLst>
              <a:ext uri="{FF2B5EF4-FFF2-40B4-BE49-F238E27FC236}">
                <a16:creationId xmlns:a16="http://schemas.microsoft.com/office/drawing/2014/main" id="{0DCBF1CA-387C-2A7C-C1F4-510B52F44CA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96769" y="5844953"/>
            <a:ext cx="10363200" cy="628227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_123d1b5749e5454e8db751909020bc8d_BackgroundRectangle" hidden="1">
            <a:extLst>
              <a:ext uri="{FF2B5EF4-FFF2-40B4-BE49-F238E27FC236}">
                <a16:creationId xmlns:a16="http://schemas.microsoft.com/office/drawing/2014/main" id="{D708DC36-83E1-85B2-9AF8-C7E99668B3B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1720501"/>
            <a:ext cx="11290300" cy="1357884"/>
          </a:xfrm>
          <a:prstGeom prst="rect">
            <a:avLst/>
          </a:prstGeom>
          <a:solidFill>
            <a:schemeClr val="lt1">
              <a:alpha val="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35662548746b42c9b1d01e700b787883_BackgroundRectangle" hidden="1">
            <a:extLst>
              <a:ext uri="{FF2B5EF4-FFF2-40B4-BE49-F238E27FC236}">
                <a16:creationId xmlns:a16="http://schemas.microsoft.com/office/drawing/2014/main" id="{BE3200F8-4679-811B-67DB-15CA0F01440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116485"/>
            <a:ext cx="11290300" cy="1446953"/>
          </a:xfrm>
          <a:prstGeom prst="rect">
            <a:avLst/>
          </a:prstGeom>
          <a:solidFill>
            <a:schemeClr val="lt1">
              <a:alpha val="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f207215df1f048d1988addabd956c4b8_BackgroundRectangle" hidden="1">
            <a:extLst>
              <a:ext uri="{FF2B5EF4-FFF2-40B4-BE49-F238E27FC236}">
                <a16:creationId xmlns:a16="http://schemas.microsoft.com/office/drawing/2014/main" id="{6DF6F7B0-9A0D-57B6-3B61-7398A18D716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601538"/>
            <a:ext cx="11290300" cy="1205315"/>
          </a:xfrm>
          <a:prstGeom prst="rect">
            <a:avLst/>
          </a:prstGeom>
          <a:solidFill>
            <a:schemeClr val="lt1">
              <a:alpha val="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_b90edf3c21e943c69d1f6d7d78cba5cb_BackgroundRectangle" hidden="1">
            <a:extLst>
              <a:ext uri="{FF2B5EF4-FFF2-40B4-BE49-F238E27FC236}">
                <a16:creationId xmlns:a16="http://schemas.microsoft.com/office/drawing/2014/main" id="{459FC85F-CBAF-F2FA-AADD-04778C798D8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5844953"/>
            <a:ext cx="11290300" cy="628227"/>
          </a:xfrm>
          <a:prstGeom prst="rect">
            <a:avLst/>
          </a:prstGeom>
          <a:solidFill>
            <a:schemeClr val="lt1">
              <a:alpha val="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7381825-81DE-C2EA-EDF4-8DD19FC9C69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A4FECA32-5DB3-FB54-44C0-F08174BC985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319" name="OTLSHAPE_D_81141e7ce81e439fa6213e04feaeddbf_Line">
            <a:extLst>
              <a:ext uri="{FF2B5EF4-FFF2-40B4-BE49-F238E27FC236}">
                <a16:creationId xmlns:a16="http://schemas.microsoft.com/office/drawing/2014/main" id="{FB172DBF-FB06-C694-181A-5ED75FD412AF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826268" y="2697724"/>
            <a:ext cx="160477" cy="704258"/>
          </a:xfrm>
          <a:custGeom>
            <a:avLst/>
            <a:gdLst/>
            <a:ahLst/>
            <a:cxnLst/>
            <a:rect l="0" t="0" r="0" b="0"/>
            <a:pathLst>
              <a:path w="160477" h="704258">
                <a:moveTo>
                  <a:pt x="103326" y="0"/>
                </a:moveTo>
                <a:lnTo>
                  <a:pt x="122376" y="0"/>
                </a:lnTo>
                <a:cubicBezTo>
                  <a:pt x="160476" y="0"/>
                  <a:pt x="160476" y="38100"/>
                  <a:pt x="160476" y="38100"/>
                </a:cubicBezTo>
                <a:lnTo>
                  <a:pt x="160476" y="323511"/>
                </a:lnTo>
                <a:cubicBezTo>
                  <a:pt x="160476" y="361611"/>
                  <a:pt x="122376" y="361611"/>
                  <a:pt x="122376" y="361611"/>
                </a:cubicBezTo>
                <a:lnTo>
                  <a:pt x="38100" y="361611"/>
                </a:lnTo>
                <a:cubicBezTo>
                  <a:pt x="0" y="361611"/>
                  <a:pt x="0" y="399711"/>
                  <a:pt x="0" y="399711"/>
                </a:cubicBezTo>
                <a:lnTo>
                  <a:pt x="0" y="666157"/>
                </a:lnTo>
                <a:cubicBezTo>
                  <a:pt x="0" y="704257"/>
                  <a:pt x="38100" y="704257"/>
                  <a:pt x="38100" y="704257"/>
                </a:cubicBezTo>
                <a:lnTo>
                  <a:pt x="103344" y="704257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0" name="OTLSHAPE_D_2003504c90f449f58e1ca2b4d92b413f_Line">
            <a:extLst>
              <a:ext uri="{FF2B5EF4-FFF2-40B4-BE49-F238E27FC236}">
                <a16:creationId xmlns:a16="http://schemas.microsoft.com/office/drawing/2014/main" id="{98A36563-068E-E2F4-F425-1E457553A5D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537576" y="3401981"/>
            <a:ext cx="109669" cy="171366"/>
          </a:xfrm>
          <a:custGeom>
            <a:avLst/>
            <a:gdLst/>
            <a:ahLst/>
            <a:cxnLst/>
            <a:rect l="0" t="0" r="0" b="0"/>
            <a:pathLst>
              <a:path w="109669" h="171366">
                <a:moveTo>
                  <a:pt x="52518" y="0"/>
                </a:moveTo>
                <a:lnTo>
                  <a:pt x="71568" y="0"/>
                </a:lnTo>
                <a:cubicBezTo>
                  <a:pt x="109668" y="0"/>
                  <a:pt x="109668" y="38100"/>
                  <a:pt x="109668" y="38100"/>
                </a:cubicBezTo>
                <a:lnTo>
                  <a:pt x="109668" y="50715"/>
                </a:lnTo>
                <a:cubicBezTo>
                  <a:pt x="109668" y="88815"/>
                  <a:pt x="71568" y="88815"/>
                  <a:pt x="71568" y="88815"/>
                </a:cubicBezTo>
                <a:lnTo>
                  <a:pt x="38100" y="88815"/>
                </a:lnTo>
                <a:cubicBezTo>
                  <a:pt x="0" y="88815"/>
                  <a:pt x="0" y="126915"/>
                  <a:pt x="0" y="126915"/>
                </a:cubicBezTo>
                <a:lnTo>
                  <a:pt x="0" y="133265"/>
                </a:lnTo>
                <a:cubicBezTo>
                  <a:pt x="0" y="171365"/>
                  <a:pt x="38100" y="171365"/>
                  <a:pt x="38100" y="171365"/>
                </a:cubicBezTo>
                <a:lnTo>
                  <a:pt x="103343" y="171365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3" name="OTLSHAPE_D_2be125332b974a33ace2f047b82ac3b0_Line">
            <a:extLst>
              <a:ext uri="{FF2B5EF4-FFF2-40B4-BE49-F238E27FC236}">
                <a16:creationId xmlns:a16="http://schemas.microsoft.com/office/drawing/2014/main" id="{7B37D501-9104-821B-6AB3-461F837FE55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901844" y="4157207"/>
            <a:ext cx="584307" cy="1116755"/>
          </a:xfrm>
          <a:custGeom>
            <a:avLst/>
            <a:gdLst/>
            <a:ahLst/>
            <a:cxnLst/>
            <a:rect l="0" t="0" r="0" b="0"/>
            <a:pathLst>
              <a:path w="584307" h="1116755">
                <a:moveTo>
                  <a:pt x="0" y="0"/>
                </a:moveTo>
                <a:lnTo>
                  <a:pt x="442863" y="0"/>
                </a:lnTo>
                <a:cubicBezTo>
                  <a:pt x="480963" y="0"/>
                  <a:pt x="480963" y="38100"/>
                  <a:pt x="480963" y="38100"/>
                </a:cubicBezTo>
                <a:lnTo>
                  <a:pt x="480963" y="1078654"/>
                </a:lnTo>
                <a:cubicBezTo>
                  <a:pt x="480963" y="1116754"/>
                  <a:pt x="519063" y="1116754"/>
                  <a:pt x="519063" y="1116754"/>
                </a:cubicBezTo>
                <a:lnTo>
                  <a:pt x="584306" y="1116754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D_af0f15a6852a424aae3e8fd5c22c000d_Line">
            <a:extLst>
              <a:ext uri="{FF2B5EF4-FFF2-40B4-BE49-F238E27FC236}">
                <a16:creationId xmlns:a16="http://schemas.microsoft.com/office/drawing/2014/main" id="{B543E738-9B0D-0347-215C-098474FE941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502286" y="5521357"/>
            <a:ext cx="57151" cy="114131"/>
          </a:xfrm>
          <a:custGeom>
            <a:avLst/>
            <a:gdLst/>
            <a:ahLst/>
            <a:cxnLst/>
            <a:rect l="0" t="0" r="0" b="0"/>
            <a:pathLst>
              <a:path w="57151" h="114131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85653"/>
                </a:lnTo>
                <a:cubicBezTo>
                  <a:pt x="57150" y="88815"/>
                  <a:pt x="53988" y="88815"/>
                  <a:pt x="53988" y="88815"/>
                </a:cubicBezTo>
                <a:lnTo>
                  <a:pt x="50826" y="88815"/>
                </a:lnTo>
                <a:lnTo>
                  <a:pt x="50826" y="58698"/>
                </a:lnTo>
                <a:lnTo>
                  <a:pt x="50826" y="11413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D_623f4b7820e04619820e22e926a7c845_Line">
            <a:extLst>
              <a:ext uri="{FF2B5EF4-FFF2-40B4-BE49-F238E27FC236}">
                <a16:creationId xmlns:a16="http://schemas.microsoft.com/office/drawing/2014/main" id="{C7695B0A-7851-4E30-82C9-973082378DB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424364" y="5698987"/>
            <a:ext cx="846381" cy="253832"/>
          </a:xfrm>
          <a:custGeom>
            <a:avLst/>
            <a:gdLst/>
            <a:ahLst/>
            <a:cxnLst/>
            <a:rect l="0" t="0" r="0" b="0"/>
            <a:pathLst>
              <a:path w="846381" h="253832">
                <a:moveTo>
                  <a:pt x="789230" y="0"/>
                </a:moveTo>
                <a:lnTo>
                  <a:pt x="808280" y="0"/>
                </a:lnTo>
                <a:cubicBezTo>
                  <a:pt x="846380" y="0"/>
                  <a:pt x="846380" y="38100"/>
                  <a:pt x="846380" y="38100"/>
                </a:cubicBezTo>
                <a:lnTo>
                  <a:pt x="846380" y="50716"/>
                </a:lnTo>
                <a:cubicBezTo>
                  <a:pt x="846380" y="88816"/>
                  <a:pt x="808280" y="88816"/>
                  <a:pt x="808280" y="88816"/>
                </a:cubicBezTo>
                <a:lnTo>
                  <a:pt x="38100" y="88816"/>
                </a:lnTo>
                <a:cubicBezTo>
                  <a:pt x="0" y="88816"/>
                  <a:pt x="0" y="126916"/>
                  <a:pt x="0" y="126916"/>
                </a:cubicBezTo>
                <a:lnTo>
                  <a:pt x="0" y="215731"/>
                </a:lnTo>
                <a:cubicBezTo>
                  <a:pt x="0" y="253831"/>
                  <a:pt x="38100" y="253831"/>
                  <a:pt x="38100" y="253831"/>
                </a:cubicBezTo>
                <a:lnTo>
                  <a:pt x="103344" y="253831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5" name="OTLSHAPE_D_2bf4caa8a62448e1a6070c0a718be6ab_Line">
            <a:extLst>
              <a:ext uri="{FF2B5EF4-FFF2-40B4-BE49-F238E27FC236}">
                <a16:creationId xmlns:a16="http://schemas.microsoft.com/office/drawing/2014/main" id="{475721CE-0ECA-45A7-6877-922C525482A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738460" y="5273961"/>
            <a:ext cx="160477" cy="247397"/>
          </a:xfrm>
          <a:custGeom>
            <a:avLst/>
            <a:gdLst/>
            <a:ahLst/>
            <a:cxnLst/>
            <a:rect l="0" t="0" r="0" b="0"/>
            <a:pathLst>
              <a:path w="160477" h="247397">
                <a:moveTo>
                  <a:pt x="103326" y="0"/>
                </a:moveTo>
                <a:lnTo>
                  <a:pt x="122376" y="0"/>
                </a:lnTo>
                <a:cubicBezTo>
                  <a:pt x="160476" y="0"/>
                  <a:pt x="160476" y="38100"/>
                  <a:pt x="160476" y="38100"/>
                </a:cubicBezTo>
                <a:lnTo>
                  <a:pt x="160476" y="120481"/>
                </a:lnTo>
                <a:cubicBezTo>
                  <a:pt x="160476" y="158581"/>
                  <a:pt x="122376" y="158581"/>
                  <a:pt x="122376" y="158581"/>
                </a:cubicBezTo>
                <a:lnTo>
                  <a:pt x="38100" y="158581"/>
                </a:lnTo>
                <a:cubicBezTo>
                  <a:pt x="0" y="158581"/>
                  <a:pt x="0" y="196681"/>
                  <a:pt x="0" y="196681"/>
                </a:cubicBezTo>
                <a:lnTo>
                  <a:pt x="0" y="209296"/>
                </a:lnTo>
                <a:cubicBezTo>
                  <a:pt x="0" y="247396"/>
                  <a:pt x="38100" y="247396"/>
                  <a:pt x="38100" y="247396"/>
                </a:cubicBezTo>
                <a:lnTo>
                  <a:pt x="103344" y="247396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1" name="OTLSHAPE_D_e9d97a3fa4424a7aa0a3c65fa358957a_Line">
            <a:extLst>
              <a:ext uri="{FF2B5EF4-FFF2-40B4-BE49-F238E27FC236}">
                <a16:creationId xmlns:a16="http://schemas.microsoft.com/office/drawing/2014/main" id="{FAABE378-2800-1A3E-21AA-00DB9504482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15845" y="3573346"/>
            <a:ext cx="109669" cy="583862"/>
          </a:xfrm>
          <a:custGeom>
            <a:avLst/>
            <a:gdLst/>
            <a:ahLst/>
            <a:cxnLst/>
            <a:rect l="0" t="0" r="0" b="0"/>
            <a:pathLst>
              <a:path w="109669" h="583862">
                <a:moveTo>
                  <a:pt x="52518" y="0"/>
                </a:moveTo>
                <a:lnTo>
                  <a:pt x="71568" y="0"/>
                </a:lnTo>
                <a:cubicBezTo>
                  <a:pt x="109668" y="0"/>
                  <a:pt x="109668" y="38100"/>
                  <a:pt x="109668" y="38100"/>
                </a:cubicBezTo>
                <a:lnTo>
                  <a:pt x="109668" y="323681"/>
                </a:lnTo>
                <a:cubicBezTo>
                  <a:pt x="109668" y="361781"/>
                  <a:pt x="71568" y="361781"/>
                  <a:pt x="71568" y="361781"/>
                </a:cubicBezTo>
                <a:lnTo>
                  <a:pt x="38100" y="361781"/>
                </a:lnTo>
                <a:cubicBezTo>
                  <a:pt x="0" y="361781"/>
                  <a:pt x="0" y="399881"/>
                  <a:pt x="0" y="399881"/>
                </a:cubicBezTo>
                <a:lnTo>
                  <a:pt x="0" y="545761"/>
                </a:lnTo>
                <a:cubicBezTo>
                  <a:pt x="0" y="583861"/>
                  <a:pt x="38100" y="583861"/>
                  <a:pt x="38100" y="583861"/>
                </a:cubicBezTo>
                <a:lnTo>
                  <a:pt x="103344" y="583861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" name="OTLSHAPE_TB_00000000000000000000000000000000_ScaleContainer">
            <a:extLst>
              <a:ext uri="{FF2B5EF4-FFF2-40B4-BE49-F238E27FC236}">
                <a16:creationId xmlns:a16="http://schemas.microsoft.com/office/drawing/2014/main" id="{FB5C10DF-495A-B077-8C63-CB27B8AD0D5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100535" y="1115473"/>
            <a:ext cx="9258300" cy="182880"/>
          </a:xfrm>
          <a:prstGeom prst="round2Same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_123d1b5749e5454e8db751909020bc8d_HeaderRectangle">
            <a:extLst>
              <a:ext uri="{FF2B5EF4-FFF2-40B4-BE49-F238E27FC236}">
                <a16:creationId xmlns:a16="http://schemas.microsoft.com/office/drawing/2014/main" id="{4B292D11-DC38-0D86-F8B0-BA31E59F8D7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1720501"/>
            <a:ext cx="939800" cy="1357884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_35662548746b42c9b1d01e700b787883_HeaderRectangle">
            <a:extLst>
              <a:ext uri="{FF2B5EF4-FFF2-40B4-BE49-F238E27FC236}">
                <a16:creationId xmlns:a16="http://schemas.microsoft.com/office/drawing/2014/main" id="{DC9FE32D-949F-5B48-0EC6-CBF5A5C9B3D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3116485"/>
            <a:ext cx="939800" cy="1446953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f207215df1f048d1988addabd956c4b8_HeaderRectangle">
            <a:extLst>
              <a:ext uri="{FF2B5EF4-FFF2-40B4-BE49-F238E27FC236}">
                <a16:creationId xmlns:a16="http://schemas.microsoft.com/office/drawing/2014/main" id="{FBF9FF7B-8ACA-4323-8F62-7F3C1071395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601538"/>
            <a:ext cx="939800" cy="1205315"/>
          </a:xfrm>
          <a:prstGeom prst="rect">
            <a:avLst/>
          </a:prstGeom>
          <a:solidFill>
            <a:srgbClr val="3F47D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b90edf3c21e943c69d1f6d7d78cba5cb_HeaderRectangle">
            <a:extLst>
              <a:ext uri="{FF2B5EF4-FFF2-40B4-BE49-F238E27FC236}">
                <a16:creationId xmlns:a16="http://schemas.microsoft.com/office/drawing/2014/main" id="{539C33DB-CB3C-1311-EEB3-DE45A4AE56B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5844953"/>
            <a:ext cx="939800" cy="628227"/>
          </a:xfrm>
          <a:prstGeom prst="rect">
            <a:avLst/>
          </a:prstGeom>
          <a:solidFill>
            <a:srgbClr val="4A206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SL2A_3e8fef0500e8468ea7347594c962f71a_HeaderRectangle">
            <a:extLst>
              <a:ext uri="{FF2B5EF4-FFF2-40B4-BE49-F238E27FC236}">
                <a16:creationId xmlns:a16="http://schemas.microsoft.com/office/drawing/2014/main" id="{7511D77D-E7B5-3701-1F8F-3A4C96CCAB0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96769" y="1720501"/>
            <a:ext cx="977900" cy="1357884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2" name="OTLSHAPE_SL2A_673f89488e9444cfaceaf35675724b1e_HeaderRectangle">
            <a:extLst>
              <a:ext uri="{FF2B5EF4-FFF2-40B4-BE49-F238E27FC236}">
                <a16:creationId xmlns:a16="http://schemas.microsoft.com/office/drawing/2014/main" id="{D29A98DB-6B03-A259-E5CD-EF874888ACF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96769" y="3116485"/>
            <a:ext cx="977900" cy="1446953"/>
          </a:xfrm>
          <a:prstGeom prst="rect">
            <a:avLst/>
          </a:prstGeom>
          <a:solidFill>
            <a:srgbClr val="6F319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SL2A_668611fcac564971bdc5693d08db671c_HeaderRectangle">
            <a:extLst>
              <a:ext uri="{FF2B5EF4-FFF2-40B4-BE49-F238E27FC236}">
                <a16:creationId xmlns:a16="http://schemas.microsoft.com/office/drawing/2014/main" id="{D7277332-9ABE-3ADF-A07D-53BBEA881BD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96769" y="4601538"/>
            <a:ext cx="977900" cy="1205315"/>
          </a:xfrm>
          <a:prstGeom prst="rect">
            <a:avLst/>
          </a:prstGeom>
          <a:solidFill>
            <a:srgbClr val="3F47D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6" name="OTLSHAPE_SL2A_fb76f6303a8e498e954e40ce24cebb05_HeaderRectangle">
            <a:extLst>
              <a:ext uri="{FF2B5EF4-FFF2-40B4-BE49-F238E27FC236}">
                <a16:creationId xmlns:a16="http://schemas.microsoft.com/office/drawing/2014/main" id="{5661AB7B-22E4-8F77-BD7B-E2A079C5179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96769" y="5844953"/>
            <a:ext cx="977900" cy="628227"/>
          </a:xfrm>
          <a:prstGeom prst="rect">
            <a:avLst/>
          </a:prstGeom>
          <a:solidFill>
            <a:srgbClr val="4A2064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8" name="OTLSHAPE_TB_00000000000000000000000000000000_MiddleScaleContainer">
            <a:extLst>
              <a:ext uri="{FF2B5EF4-FFF2-40B4-BE49-F238E27FC236}">
                <a16:creationId xmlns:a16="http://schemas.microsoft.com/office/drawing/2014/main" id="{23A05B85-551B-F018-956F-82A04B66891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100535" y="1307497"/>
            <a:ext cx="9258300" cy="182880"/>
          </a:xfrm>
          <a:prstGeom prst="rect">
            <a:avLst/>
          </a:prstGeom>
          <a:solidFill>
            <a:srgbClr val="7271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TB_00000000000000000000000000000000_BottomScaleContainer">
            <a:extLst>
              <a:ext uri="{FF2B5EF4-FFF2-40B4-BE49-F238E27FC236}">
                <a16:creationId xmlns:a16="http://schemas.microsoft.com/office/drawing/2014/main" id="{7A59B70D-A900-DD58-2B85-5D44AB0FB46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100535" y="1499521"/>
            <a:ext cx="92583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B9B6B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3" name="OTLSHAPE_G_00000000000000000000000000000000_ShapeBelow0">
            <a:extLst>
              <a:ext uri="{FF2B5EF4-FFF2-40B4-BE49-F238E27FC236}">
                <a16:creationId xmlns:a16="http://schemas.microsoft.com/office/drawing/2014/main" id="{85BF5350-42E0-B0C2-1B89-D67BEA09D3A0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456188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G_00000000000000000000000000000000_ShapeBelow1">
            <a:extLst>
              <a:ext uri="{FF2B5EF4-FFF2-40B4-BE49-F238E27FC236}">
                <a16:creationId xmlns:a16="http://schemas.microsoft.com/office/drawing/2014/main" id="{B7033DEF-7D38-1C0F-48B8-EADBD0BF1DCB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811842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2">
            <a:extLst>
              <a:ext uri="{FF2B5EF4-FFF2-40B4-BE49-F238E27FC236}">
                <a16:creationId xmlns:a16="http://schemas.microsoft.com/office/drawing/2014/main" id="{C2F90AB9-22BA-F4D6-1623-B77DA684B968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167496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3">
            <a:extLst>
              <a:ext uri="{FF2B5EF4-FFF2-40B4-BE49-F238E27FC236}">
                <a16:creationId xmlns:a16="http://schemas.microsoft.com/office/drawing/2014/main" id="{AB95B813-278A-B616-5DA0-8236FDC3DC67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3523150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4">
            <a:extLst>
              <a:ext uri="{FF2B5EF4-FFF2-40B4-BE49-F238E27FC236}">
                <a16:creationId xmlns:a16="http://schemas.microsoft.com/office/drawing/2014/main" id="{58BFF7E9-0596-B1F9-F712-6817356F97F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878804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G_00000000000000000000000000000000_ShapeBelow5">
            <a:extLst>
              <a:ext uri="{FF2B5EF4-FFF2-40B4-BE49-F238E27FC236}">
                <a16:creationId xmlns:a16="http://schemas.microsoft.com/office/drawing/2014/main" id="{846D0AE6-FEB5-E35E-70A6-0A89F593018C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4234457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G_00000000000000000000000000000000_ShapeBelow6">
            <a:extLst>
              <a:ext uri="{FF2B5EF4-FFF2-40B4-BE49-F238E27FC236}">
                <a16:creationId xmlns:a16="http://schemas.microsoft.com/office/drawing/2014/main" id="{C26F2BC1-ED5F-A990-68BB-78C06F0F615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4590111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G_00000000000000000000000000000000_ShapeBelow7">
            <a:extLst>
              <a:ext uri="{FF2B5EF4-FFF2-40B4-BE49-F238E27FC236}">
                <a16:creationId xmlns:a16="http://schemas.microsoft.com/office/drawing/2014/main" id="{5FC277ED-2203-E14B-7B52-DC08A0AFCB52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4945765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8">
            <a:extLst>
              <a:ext uri="{FF2B5EF4-FFF2-40B4-BE49-F238E27FC236}">
                <a16:creationId xmlns:a16="http://schemas.microsoft.com/office/drawing/2014/main" id="{7111E1AA-60B2-97E1-A038-71EA9A876CB4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5301419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9">
            <a:extLst>
              <a:ext uri="{FF2B5EF4-FFF2-40B4-BE49-F238E27FC236}">
                <a16:creationId xmlns:a16="http://schemas.microsoft.com/office/drawing/2014/main" id="{00D7D62B-1587-8CA4-EBE7-17157CB66B0F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5657073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10">
            <a:extLst>
              <a:ext uri="{FF2B5EF4-FFF2-40B4-BE49-F238E27FC236}">
                <a16:creationId xmlns:a16="http://schemas.microsoft.com/office/drawing/2014/main" id="{D0A816BC-34AA-C220-241A-CAA433B7570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012727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G_00000000000000000000000000000000_ShapeBelow11">
            <a:extLst>
              <a:ext uri="{FF2B5EF4-FFF2-40B4-BE49-F238E27FC236}">
                <a16:creationId xmlns:a16="http://schemas.microsoft.com/office/drawing/2014/main" id="{8B5E8F25-2EF2-A8F9-6ECC-336D7254889C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6368381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G_00000000000000000000000000000000_ShapeBelow12">
            <a:extLst>
              <a:ext uri="{FF2B5EF4-FFF2-40B4-BE49-F238E27FC236}">
                <a16:creationId xmlns:a16="http://schemas.microsoft.com/office/drawing/2014/main" id="{8E8E0019-8317-5F25-6E9D-353CA4BD7BE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6724035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G_00000000000000000000000000000000_ShapeBelow13">
            <a:extLst>
              <a:ext uri="{FF2B5EF4-FFF2-40B4-BE49-F238E27FC236}">
                <a16:creationId xmlns:a16="http://schemas.microsoft.com/office/drawing/2014/main" id="{6C46BCC3-BD8D-BA58-B2AB-F9352C127DBB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079689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G_00000000000000000000000000000000_ShapeBelow14">
            <a:extLst>
              <a:ext uri="{FF2B5EF4-FFF2-40B4-BE49-F238E27FC236}">
                <a16:creationId xmlns:a16="http://schemas.microsoft.com/office/drawing/2014/main" id="{ACAD10A6-F978-5CF4-D5A7-1B3B9FA05937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7435342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G_00000000000000000000000000000000_ShapeBelow15">
            <a:extLst>
              <a:ext uri="{FF2B5EF4-FFF2-40B4-BE49-F238E27FC236}">
                <a16:creationId xmlns:a16="http://schemas.microsoft.com/office/drawing/2014/main" id="{1C278341-8BE2-6082-F110-CACFCA644C93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7790996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G_00000000000000000000000000000000_ShapeBelow16">
            <a:extLst>
              <a:ext uri="{FF2B5EF4-FFF2-40B4-BE49-F238E27FC236}">
                <a16:creationId xmlns:a16="http://schemas.microsoft.com/office/drawing/2014/main" id="{2B312AD3-90D6-AB2B-0937-396FC7E4E723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8146650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17">
            <a:extLst>
              <a:ext uri="{FF2B5EF4-FFF2-40B4-BE49-F238E27FC236}">
                <a16:creationId xmlns:a16="http://schemas.microsoft.com/office/drawing/2014/main" id="{C1E2255B-DF0B-4347-B9C6-01807EAA6A63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8502304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18">
            <a:extLst>
              <a:ext uri="{FF2B5EF4-FFF2-40B4-BE49-F238E27FC236}">
                <a16:creationId xmlns:a16="http://schemas.microsoft.com/office/drawing/2014/main" id="{56864147-BD9D-AD8D-2412-F676416E772E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857958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19">
            <a:extLst>
              <a:ext uri="{FF2B5EF4-FFF2-40B4-BE49-F238E27FC236}">
                <a16:creationId xmlns:a16="http://schemas.microsoft.com/office/drawing/2014/main" id="{3595CCDB-AA1C-885A-0AC0-D3DF32698AA6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9213611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20">
            <a:extLst>
              <a:ext uri="{FF2B5EF4-FFF2-40B4-BE49-F238E27FC236}">
                <a16:creationId xmlns:a16="http://schemas.microsoft.com/office/drawing/2014/main" id="{834FA153-66F2-0542-BC4D-37BAEE2B73BF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9569266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21">
            <a:extLst>
              <a:ext uri="{FF2B5EF4-FFF2-40B4-BE49-F238E27FC236}">
                <a16:creationId xmlns:a16="http://schemas.microsoft.com/office/drawing/2014/main" id="{CA029C23-FA23-908C-0EF8-795B1D46DD0F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9924919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G_00000000000000000000000000000000_ShapeBelow22">
            <a:extLst>
              <a:ext uri="{FF2B5EF4-FFF2-40B4-BE49-F238E27FC236}">
                <a16:creationId xmlns:a16="http://schemas.microsoft.com/office/drawing/2014/main" id="{48BE10C3-A8CF-08FF-7300-0DA8FAA3C4D9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10280573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G_00000000000000000000000000000000_ShapeBelow23">
            <a:extLst>
              <a:ext uri="{FF2B5EF4-FFF2-40B4-BE49-F238E27FC236}">
                <a16:creationId xmlns:a16="http://schemas.microsoft.com/office/drawing/2014/main" id="{A8A1EBFE-DD06-AA82-3909-6A7E65236FF1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10636227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G_00000000000000000000000000000000_ShapeBelow24">
            <a:extLst>
              <a:ext uri="{FF2B5EF4-FFF2-40B4-BE49-F238E27FC236}">
                <a16:creationId xmlns:a16="http://schemas.microsoft.com/office/drawing/2014/main" id="{9676DEBA-8CF1-BFB2-E75E-7060FD3CD425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10991881" y="1682402"/>
            <a:ext cx="0" cy="479077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SLT_fd18cb50e5e9486da70a0b4f0dcd0717_Shape">
            <a:extLst>
              <a:ext uri="{FF2B5EF4-FFF2-40B4-BE49-F238E27FC236}">
                <a16:creationId xmlns:a16="http://schemas.microsoft.com/office/drawing/2014/main" id="{D1CA7DDE-F87E-9C37-081B-D8C146C6715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151343" y="1758601"/>
            <a:ext cx="1790700" cy="139531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8" name="OTLSHAPE_SLT_9161a82fc0294b20b758e6f3a230537b_Shape">
            <a:extLst>
              <a:ext uri="{FF2B5EF4-FFF2-40B4-BE49-F238E27FC236}">
                <a16:creationId xmlns:a16="http://schemas.microsoft.com/office/drawing/2014/main" id="{876F48D8-E156-9B6A-BA00-0792FFED124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151343" y="2634224"/>
            <a:ext cx="368300" cy="127000"/>
          </a:xfrm>
          <a:prstGeom prst="homePlat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0" name="OTLSHAPE_SLT_dd90907b5e8b4a3db6fda9304f5f9b60_Shape">
            <a:extLst>
              <a:ext uri="{FF2B5EF4-FFF2-40B4-BE49-F238E27FC236}">
                <a16:creationId xmlns:a16="http://schemas.microsoft.com/office/drawing/2014/main" id="{C3175587-6598-885E-5070-BE32D4C99704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506996" y="2634224"/>
            <a:ext cx="520700" cy="127000"/>
          </a:xfrm>
          <a:prstGeom prst="chevron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2" name="OTLSHAPE_SLT_8896caf013584f79b32dbc3a02adf375_Shape">
            <a:extLst>
              <a:ext uri="{FF2B5EF4-FFF2-40B4-BE49-F238E27FC236}">
                <a16:creationId xmlns:a16="http://schemas.microsoft.com/office/drawing/2014/main" id="{C4720667-5C8E-6E83-3C82-F551B5E88A7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015073" y="2634224"/>
            <a:ext cx="215900" cy="127000"/>
          </a:xfrm>
          <a:prstGeom prst="chevron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4" name="OTLSHAPE_SLT_3952187e737b4e4b898835c1309a9b32_Shape">
            <a:extLst>
              <a:ext uri="{FF2B5EF4-FFF2-40B4-BE49-F238E27FC236}">
                <a16:creationId xmlns:a16="http://schemas.microsoft.com/office/drawing/2014/main" id="{C078D0FC-0821-7042-6487-0BDA50332E4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218304" y="2634224"/>
            <a:ext cx="723900" cy="127000"/>
          </a:xfrm>
          <a:prstGeom prst="chevron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5" name="OTLSHAPE_SLT_f0985be3adb44209a5d1cbaa95789f93_Shape">
            <a:extLst>
              <a:ext uri="{FF2B5EF4-FFF2-40B4-BE49-F238E27FC236}">
                <a16:creationId xmlns:a16="http://schemas.microsoft.com/office/drawing/2014/main" id="{9D175AC3-9A76-45B8-01D7-A31E16F1722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929612" y="3154585"/>
            <a:ext cx="3035300" cy="139531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6" name="OTLSHAPE_SLT_d45175e9e201438daf375b4a89e16d06_Shape">
            <a:extLst>
              <a:ext uri="{FF2B5EF4-FFF2-40B4-BE49-F238E27FC236}">
                <a16:creationId xmlns:a16="http://schemas.microsoft.com/office/drawing/2014/main" id="{87EAF491-30C7-B99A-6C62-5DE9A1B6268B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929612" y="3338481"/>
            <a:ext cx="673100" cy="127000"/>
          </a:xfrm>
          <a:prstGeom prst="homePlate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6" name="OTLSHAPE_SLT_841822c4302d406fb850d067efc89277_Shape">
            <a:extLst>
              <a:ext uri="{FF2B5EF4-FFF2-40B4-BE49-F238E27FC236}">
                <a16:creationId xmlns:a16="http://schemas.microsoft.com/office/drawing/2014/main" id="{D682FD71-A7F2-0D37-6BAC-2F3D732F76E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640919" y="3509846"/>
            <a:ext cx="1739900" cy="127000"/>
          </a:xfrm>
          <a:prstGeom prst="homePlate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4" name="OTLSHAPE_SLT_949685e10db24fa5a62e0174bb7dcb1b_Shape">
            <a:extLst>
              <a:ext uri="{FF2B5EF4-FFF2-40B4-BE49-F238E27FC236}">
                <a16:creationId xmlns:a16="http://schemas.microsoft.com/office/drawing/2014/main" id="{F09C88F2-DEA2-CEC1-684E-DB641D5281B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419189" y="4093707"/>
            <a:ext cx="495300" cy="127000"/>
          </a:xfrm>
          <a:prstGeom prst="chevron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7" name="OTLSHAPE_SLT_e261ed7f87ff461d96c5c7774646c04c_Shape">
            <a:extLst>
              <a:ext uri="{FF2B5EF4-FFF2-40B4-BE49-F238E27FC236}">
                <a16:creationId xmlns:a16="http://schemas.microsoft.com/office/drawing/2014/main" id="{CB42079E-758A-B735-D625-58DB52114535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6419189" y="4258807"/>
            <a:ext cx="546100" cy="127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8" name="OTLSHAPE_SLT_ddd3069fe73b4349b9434e6c48f0169c_Shape">
            <a:extLst>
              <a:ext uri="{FF2B5EF4-FFF2-40B4-BE49-F238E27FC236}">
                <a16:creationId xmlns:a16="http://schemas.microsoft.com/office/drawing/2014/main" id="{26D1EE7B-0063-4BB6-9AC9-80B64CC05984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952669" y="4779169"/>
            <a:ext cx="2298700" cy="139531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SLT_10599d9045f34a92a1419c20ceeb5ac9_Shape">
            <a:extLst>
              <a:ext uri="{FF2B5EF4-FFF2-40B4-BE49-F238E27FC236}">
                <a16:creationId xmlns:a16="http://schemas.microsoft.com/office/drawing/2014/main" id="{E60D46CA-3B58-037B-E5EA-796818A5BF9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952669" y="4963065"/>
            <a:ext cx="546100" cy="127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0" name="OTLSHAPE_SLT_f4fd6fab770f4172a5c3da835f158a3c_Shape">
            <a:extLst>
              <a:ext uri="{FF2B5EF4-FFF2-40B4-BE49-F238E27FC236}">
                <a16:creationId xmlns:a16="http://schemas.microsoft.com/office/drawing/2014/main" id="{A41E9438-AACD-68E2-EF2E-FB9E852AC50F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486150" y="5210461"/>
            <a:ext cx="368300" cy="127000"/>
          </a:xfrm>
          <a:prstGeom prst="homePlate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8" name="OTLSHAPE_SLT_6a3a0e9b60be4c218555919014e7f823_Shape">
            <a:extLst>
              <a:ext uri="{FF2B5EF4-FFF2-40B4-BE49-F238E27FC236}">
                <a16:creationId xmlns:a16="http://schemas.microsoft.com/office/drawing/2014/main" id="{E67DB0BD-912B-5E2D-38FA-F23CE68B9203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841804" y="5457857"/>
            <a:ext cx="673100" cy="127000"/>
          </a:xfrm>
          <a:prstGeom prst="chevron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2" name="OTLSHAPE_SLT_26571ef92b3f479e9e0bb5ad77378bad_Shape">
            <a:extLst>
              <a:ext uri="{FF2B5EF4-FFF2-40B4-BE49-F238E27FC236}">
                <a16:creationId xmlns:a16="http://schemas.microsoft.com/office/drawing/2014/main" id="{A0FCA52F-C94A-8E3F-F685-7876143FA20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8375285" y="5635487"/>
            <a:ext cx="190500" cy="127000"/>
          </a:xfrm>
          <a:prstGeom prst="homePlat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0" name="OTLSHAPE_SLT_2fd6183d04ea430d87ab0824d3b37358_Shape">
            <a:extLst>
              <a:ext uri="{FF2B5EF4-FFF2-40B4-BE49-F238E27FC236}">
                <a16:creationId xmlns:a16="http://schemas.microsoft.com/office/drawing/2014/main" id="{4A6A8601-509E-47C4-FEBC-EB49085F0174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553112" y="5635487"/>
            <a:ext cx="673100" cy="127000"/>
          </a:xfrm>
          <a:prstGeom prst="chevron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9" name="OTLSHAPE_SLT_b90a8ea18ad540fe9cbd1a4aa4027717_Shape">
            <a:extLst>
              <a:ext uri="{FF2B5EF4-FFF2-40B4-BE49-F238E27FC236}">
                <a16:creationId xmlns:a16="http://schemas.microsoft.com/office/drawing/2014/main" id="{9F245735-F25B-49B6-9426-3CBB9794AC2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8527708" y="5889318"/>
            <a:ext cx="2679700" cy="127000"/>
          </a:xfrm>
          <a:prstGeom prst="roundRect">
            <a:avLst/>
          </a:prstGeom>
          <a:solidFill>
            <a:schemeClr val="dk1"/>
          </a:solidFill>
          <a:ln w="19050" cap="flat" cmpd="sng" algn="ctr">
            <a:solidFill>
              <a:srgbClr val="EA161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ElapsedTime" hidden="1">
            <a:extLst>
              <a:ext uri="{FF2B5EF4-FFF2-40B4-BE49-F238E27FC236}">
                <a16:creationId xmlns:a16="http://schemas.microsoft.com/office/drawing/2014/main" id="{7BCF2942-ADB7-1AAD-45B6-EF9B94E6272D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100535" y="1115473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T_fd18cb50e5e9486da70a0b4f0dcd0717_ShapePercentage" hidden="1">
            <a:extLst>
              <a:ext uri="{FF2B5EF4-FFF2-40B4-BE49-F238E27FC236}">
                <a16:creationId xmlns:a16="http://schemas.microsoft.com/office/drawing/2014/main" id="{F31455C8-7076-C016-9F9E-1855AC511707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2151343" y="1758601"/>
            <a:ext cx="12700" cy="139531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" name="OTLSHAPE_SLT_9161a82fc0294b20b758e6f3a230537b_ShapePercentage" hidden="1">
            <a:extLst>
              <a:ext uri="{FF2B5EF4-FFF2-40B4-BE49-F238E27FC236}">
                <a16:creationId xmlns:a16="http://schemas.microsoft.com/office/drawing/2014/main" id="{64F77CD8-8F55-E2D6-005E-97BFF8483B5E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2151343" y="2634224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5" name="OTLSHAPE_SLT_3952187e737b4e4b898835c1309a9b32_ShapePercentage" hidden="1">
            <a:extLst>
              <a:ext uri="{FF2B5EF4-FFF2-40B4-BE49-F238E27FC236}">
                <a16:creationId xmlns:a16="http://schemas.microsoft.com/office/drawing/2014/main" id="{6FE8A453-525C-AE3F-9569-EFDF9F1A024A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3218304" y="2634224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7" name="OTLSHAPE_SLT_8896caf013584f79b32dbc3a02adf375_ShapePercentage" hidden="1">
            <a:extLst>
              <a:ext uri="{FF2B5EF4-FFF2-40B4-BE49-F238E27FC236}">
                <a16:creationId xmlns:a16="http://schemas.microsoft.com/office/drawing/2014/main" id="{33C678A2-4C58-4DC8-13A6-A57779268607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3015073" y="2634224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5" name="OTLSHAPE_SLT_dd90907b5e8b4a3db6fda9304f5f9b60_ShapePercentage" hidden="1">
            <a:extLst>
              <a:ext uri="{FF2B5EF4-FFF2-40B4-BE49-F238E27FC236}">
                <a16:creationId xmlns:a16="http://schemas.microsoft.com/office/drawing/2014/main" id="{57967528-173E-AE70-E847-1BB9BAF13F45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2506996" y="2634224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7" name="OTLSHAPE_SLT_f0985be3adb44209a5d1cbaa95789f93_ShapePercentage" hidden="1">
            <a:extLst>
              <a:ext uri="{FF2B5EF4-FFF2-40B4-BE49-F238E27FC236}">
                <a16:creationId xmlns:a16="http://schemas.microsoft.com/office/drawing/2014/main" id="{60813667-42BB-DA3E-F24A-9EAAFD152CFC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929612" y="3154585"/>
            <a:ext cx="12700" cy="139531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4" name="OTLSHAPE_SLT_d45175e9e201438daf375b4a89e16d06_ShapePercentage" hidden="1">
            <a:extLst>
              <a:ext uri="{FF2B5EF4-FFF2-40B4-BE49-F238E27FC236}">
                <a16:creationId xmlns:a16="http://schemas.microsoft.com/office/drawing/2014/main" id="{43E847A7-06AB-C36B-D2B8-6439DA48AEEC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3929612" y="3338481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2" name="OTLSHAPE_SLT_841822c4302d406fb850d067efc89277_ShapePercentage" hidden="1">
            <a:extLst>
              <a:ext uri="{FF2B5EF4-FFF2-40B4-BE49-F238E27FC236}">
                <a16:creationId xmlns:a16="http://schemas.microsoft.com/office/drawing/2014/main" id="{8FA5FF4D-D15D-88F7-A4A4-A8E364A700F3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4640919" y="3509846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4" name="OTLSHAPE_SLT_949685e10db24fa5a62e0174bb7dcb1b_ShapePercentage" hidden="1">
            <a:extLst>
              <a:ext uri="{FF2B5EF4-FFF2-40B4-BE49-F238E27FC236}">
                <a16:creationId xmlns:a16="http://schemas.microsoft.com/office/drawing/2014/main" id="{3BB7022A-9FDB-3896-832B-AD2FAB2DCFDE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6419189" y="4093707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" name="OTLSHAPE_SLT_e261ed7f87ff461d96c5c7774646c04c_ShapePercentage" hidden="1">
            <a:extLst>
              <a:ext uri="{FF2B5EF4-FFF2-40B4-BE49-F238E27FC236}">
                <a16:creationId xmlns:a16="http://schemas.microsoft.com/office/drawing/2014/main" id="{37E3BFEC-E554-DFF7-2B6E-BA2A7BF29505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6419189" y="425880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3" name="OTLSHAPE_SLT_ddd3069fe73b4349b9434e6c48f0169c_ShapePercentage" hidden="1">
            <a:extLst>
              <a:ext uri="{FF2B5EF4-FFF2-40B4-BE49-F238E27FC236}">
                <a16:creationId xmlns:a16="http://schemas.microsoft.com/office/drawing/2014/main" id="{D71732E3-AC3A-4A1F-759B-AD309AC74A62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6952669" y="4779169"/>
            <a:ext cx="12700" cy="139531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10599d9045f34a92a1419c20ceeb5ac9_ShapePercentage" hidden="1">
            <a:extLst>
              <a:ext uri="{FF2B5EF4-FFF2-40B4-BE49-F238E27FC236}">
                <a16:creationId xmlns:a16="http://schemas.microsoft.com/office/drawing/2014/main" id="{480950BC-BC65-6F63-9F6A-D0B09396903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952669" y="496306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9" name="OTLSHAPE_SLT_f4fd6fab770f4172a5c3da835f158a3c_ShapePercentage" hidden="1">
            <a:extLst>
              <a:ext uri="{FF2B5EF4-FFF2-40B4-BE49-F238E27FC236}">
                <a16:creationId xmlns:a16="http://schemas.microsoft.com/office/drawing/2014/main" id="{D19C9D53-2317-ED7D-FBF4-5A70350B083D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7486150" y="5210461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T_6a3a0e9b60be4c218555919014e7f823_ShapePercentage" hidden="1">
            <a:extLst>
              <a:ext uri="{FF2B5EF4-FFF2-40B4-BE49-F238E27FC236}">
                <a16:creationId xmlns:a16="http://schemas.microsoft.com/office/drawing/2014/main" id="{00BF188A-FE45-2531-BBE0-0AD7C0E1AA9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7841804" y="5457857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SLT_26571ef92b3f479e9e0bb5ad77378bad_ShapePercentage" hidden="1">
            <a:extLst>
              <a:ext uri="{FF2B5EF4-FFF2-40B4-BE49-F238E27FC236}">
                <a16:creationId xmlns:a16="http://schemas.microsoft.com/office/drawing/2014/main" id="{8FF387F9-D209-9CC1-3B9D-A9255D9AD7FA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8375285" y="5635487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1" name="OTLSHAPE_SLT_2fd6183d04ea430d87ab0824d3b37358_ShapePercentage" hidden="1">
            <a:extLst>
              <a:ext uri="{FF2B5EF4-FFF2-40B4-BE49-F238E27FC236}">
                <a16:creationId xmlns:a16="http://schemas.microsoft.com/office/drawing/2014/main" id="{D5CFF4BD-1DD5-0065-D39C-34BFC9929391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553112" y="5635487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0" name="OTLSHAPE_SLT_b90a8ea18ad540fe9cbd1a4aa4027717_ShapePercentage" hidden="1">
            <a:extLst>
              <a:ext uri="{FF2B5EF4-FFF2-40B4-BE49-F238E27FC236}">
                <a16:creationId xmlns:a16="http://schemas.microsoft.com/office/drawing/2014/main" id="{EB1D2637-49C9-686D-FD8C-BE3674234CF2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8527708" y="588931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_123d1b5749e5454e8db751909020bc8d_Header">
            <a:extLst>
              <a:ext uri="{FF2B5EF4-FFF2-40B4-BE49-F238E27FC236}">
                <a16:creationId xmlns:a16="http://schemas.microsoft.com/office/drawing/2014/main" id="{10C5D638-912C-F8F5-8021-AC0916B6016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3500" y="2058406"/>
            <a:ext cx="9398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 -</a:t>
            </a:r>
            <a:b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</a:t>
            </a:r>
            <a:b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itiation and planning</a:t>
            </a:r>
          </a:p>
        </p:txBody>
      </p:sp>
      <p:sp>
        <p:nvSpPr>
          <p:cNvPr id="36" name="OTLSHAPE_SL_35662548746b42c9b1d01e700b787883_Header">
            <a:extLst>
              <a:ext uri="{FF2B5EF4-FFF2-40B4-BE49-F238E27FC236}">
                <a16:creationId xmlns:a16="http://schemas.microsoft.com/office/drawing/2014/main" id="{3F4EED32-4E60-4D65-5CAC-3038C35FE50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3500" y="3498924"/>
            <a:ext cx="9398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2 -</a:t>
            </a:r>
            <a:b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stem design and development</a:t>
            </a:r>
          </a:p>
        </p:txBody>
      </p:sp>
      <p:sp>
        <p:nvSpPr>
          <p:cNvPr id="39" name="OTLSHAPE_SL_f207215df1f048d1988addabd956c4b8_Header">
            <a:extLst>
              <a:ext uri="{FF2B5EF4-FFF2-40B4-BE49-F238E27FC236}">
                <a16:creationId xmlns:a16="http://schemas.microsoft.com/office/drawing/2014/main" id="{D83BEED2-4640-7618-99FF-549FFBA0572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3500" y="4948418"/>
            <a:ext cx="9398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3 -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ing and deployment</a:t>
            </a:r>
          </a:p>
        </p:txBody>
      </p:sp>
      <p:sp>
        <p:nvSpPr>
          <p:cNvPr id="42" name="OTLSHAPE_SL_b90edf3c21e943c69d1f6d7d78cba5cb_Header">
            <a:extLst>
              <a:ext uri="{FF2B5EF4-FFF2-40B4-BE49-F238E27FC236}">
                <a16:creationId xmlns:a16="http://schemas.microsoft.com/office/drawing/2014/main" id="{19BECBC2-D671-F946-6FDB-F9A6F59FC36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3500" y="5988548"/>
            <a:ext cx="939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4 -</a:t>
            </a:r>
            <a:b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intenance</a:t>
            </a:r>
          </a:p>
        </p:txBody>
      </p:sp>
      <p:sp>
        <p:nvSpPr>
          <p:cNvPr id="55" name="OTLSHAPE_SL2A_3e8fef0500e8468ea7347594c962f71a_Header">
            <a:extLst>
              <a:ext uri="{FF2B5EF4-FFF2-40B4-BE49-F238E27FC236}">
                <a16:creationId xmlns:a16="http://schemas.microsoft.com/office/drawing/2014/main" id="{CFB1400F-583D-3046-807D-E1DED3D1C7D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060269" y="2166906"/>
            <a:ext cx="8509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MO, Senior management, BA, all relevant</a:t>
            </a:r>
          </a:p>
        </p:txBody>
      </p:sp>
      <p:sp>
        <p:nvSpPr>
          <p:cNvPr id="113" name="OTLSHAPE_SL2A_673f89488e9444cfaceaf35675724b1e_Header">
            <a:extLst>
              <a:ext uri="{FF2B5EF4-FFF2-40B4-BE49-F238E27FC236}">
                <a16:creationId xmlns:a16="http://schemas.microsoft.com/office/drawing/2014/main" id="{F728485B-A050-DCCC-C83C-08DDA8B1B77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60269" y="3607424"/>
            <a:ext cx="8509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T, External security consultants</a:t>
            </a:r>
          </a:p>
        </p:txBody>
      </p:sp>
      <p:sp>
        <p:nvSpPr>
          <p:cNvPr id="156" name="OTLSHAPE_SL2A_668611fcac564971bdc5693d08db671c_Header">
            <a:extLst>
              <a:ext uri="{FF2B5EF4-FFF2-40B4-BE49-F238E27FC236}">
                <a16:creationId xmlns:a16="http://schemas.microsoft.com/office/drawing/2014/main" id="{A8290A30-589D-CC97-1043-5626E2C5F3E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60269" y="5049171"/>
            <a:ext cx="850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T, QA, Marketing</a:t>
            </a:r>
          </a:p>
        </p:txBody>
      </p:sp>
      <p:sp>
        <p:nvSpPr>
          <p:cNvPr id="207" name="OTLSHAPE_SL2A_fb76f6303a8e498e954e40ce24cebb05_Header">
            <a:extLst>
              <a:ext uri="{FF2B5EF4-FFF2-40B4-BE49-F238E27FC236}">
                <a16:creationId xmlns:a16="http://schemas.microsoft.com/office/drawing/2014/main" id="{6C1E5E84-7741-DA69-F5E1-E04629F9D59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60269" y="608155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T support</a:t>
            </a:r>
          </a:p>
        </p:txBody>
      </p:sp>
      <p:sp>
        <p:nvSpPr>
          <p:cNvPr id="25" name="OTLSHAPE_SLT_fd18cb50e5e9486da70a0b4f0dcd0717_BaselineShape" hidden="1">
            <a:extLst>
              <a:ext uri="{FF2B5EF4-FFF2-40B4-BE49-F238E27FC236}">
                <a16:creationId xmlns:a16="http://schemas.microsoft.com/office/drawing/2014/main" id="{CE5E69CD-B961-0FF7-966C-3AC2A18985F7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2100535" y="186003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SLT_9161a82fc0294b20b758e6f3a230537b_BaselineShape" hidden="1">
            <a:extLst>
              <a:ext uri="{FF2B5EF4-FFF2-40B4-BE49-F238E27FC236}">
                <a16:creationId xmlns:a16="http://schemas.microsoft.com/office/drawing/2014/main" id="{DDC78F9D-8B4A-A94B-FEDC-8DC3BCA75355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2100535" y="272312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6" name="OTLSHAPE_SLT_3952187e737b4e4b898835c1309a9b32_BaselineShape" hidden="1">
            <a:extLst>
              <a:ext uri="{FF2B5EF4-FFF2-40B4-BE49-F238E27FC236}">
                <a16:creationId xmlns:a16="http://schemas.microsoft.com/office/drawing/2014/main" id="{7D62D240-C91C-6E12-AD6F-9B3ECB71BC8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2100535" y="272312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8" name="OTLSHAPE_SLT_8896caf013584f79b32dbc3a02adf375_BaselineShape" hidden="1">
            <a:extLst>
              <a:ext uri="{FF2B5EF4-FFF2-40B4-BE49-F238E27FC236}">
                <a16:creationId xmlns:a16="http://schemas.microsoft.com/office/drawing/2014/main" id="{2919F564-7B59-B59D-CBE6-F353DE30B39F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2100535" y="272312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SLT_dd90907b5e8b4a3db6fda9304f5f9b60_BaselineShape" hidden="1">
            <a:extLst>
              <a:ext uri="{FF2B5EF4-FFF2-40B4-BE49-F238E27FC236}">
                <a16:creationId xmlns:a16="http://schemas.microsoft.com/office/drawing/2014/main" id="{AE691E91-608C-DFF5-8205-289B32746E44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2100535" y="272312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8" name="OTLSHAPE_SLT_f0985be3adb44209a5d1cbaa95789f93_BaselineShape" hidden="1">
            <a:extLst>
              <a:ext uri="{FF2B5EF4-FFF2-40B4-BE49-F238E27FC236}">
                <a16:creationId xmlns:a16="http://schemas.microsoft.com/office/drawing/2014/main" id="{9B50B338-F5AA-DA48-17AD-6AC03930A870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2100535" y="325601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SLT_d45175e9e201438daf375b4a89e16d06_BaselineShape" hidden="1">
            <a:extLst>
              <a:ext uri="{FF2B5EF4-FFF2-40B4-BE49-F238E27FC236}">
                <a16:creationId xmlns:a16="http://schemas.microsoft.com/office/drawing/2014/main" id="{D31192FE-572D-416E-94A8-5F289236572F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2100535" y="342738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3" name="OTLSHAPE_SLT_841822c4302d406fb850d067efc89277_BaselineShape" hidden="1">
            <a:extLst>
              <a:ext uri="{FF2B5EF4-FFF2-40B4-BE49-F238E27FC236}">
                <a16:creationId xmlns:a16="http://schemas.microsoft.com/office/drawing/2014/main" id="{B3463062-C00D-1E5F-0BEB-42454654A8D5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2100535" y="359874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5" name="OTLSHAPE_SLT_949685e10db24fa5a62e0174bb7dcb1b_BaselineShape" hidden="1">
            <a:extLst>
              <a:ext uri="{FF2B5EF4-FFF2-40B4-BE49-F238E27FC236}">
                <a16:creationId xmlns:a16="http://schemas.microsoft.com/office/drawing/2014/main" id="{1DEB94C6-7516-1919-77C7-5C0FFE95DB73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2100535" y="418260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SLT_e261ed7f87ff461d96c5c7774646c04c_BaselineShape" hidden="1">
            <a:extLst>
              <a:ext uri="{FF2B5EF4-FFF2-40B4-BE49-F238E27FC236}">
                <a16:creationId xmlns:a16="http://schemas.microsoft.com/office/drawing/2014/main" id="{79B394EC-91B9-1C7A-E5C4-2446F57A3235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2100535" y="434770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" name="OTLSHAPE_SLT_ddd3069fe73b4349b9434e6c48f0169c_BaselineShape" hidden="1">
            <a:extLst>
              <a:ext uri="{FF2B5EF4-FFF2-40B4-BE49-F238E27FC236}">
                <a16:creationId xmlns:a16="http://schemas.microsoft.com/office/drawing/2014/main" id="{BF64880D-BE4C-8C0F-22E5-95F77E3A80A6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2100535" y="488059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T_10599d9045f34a92a1419c20ceeb5ac9_BaselineShape" hidden="1">
            <a:extLst>
              <a:ext uri="{FF2B5EF4-FFF2-40B4-BE49-F238E27FC236}">
                <a16:creationId xmlns:a16="http://schemas.microsoft.com/office/drawing/2014/main" id="{9F3B1CEE-CFC3-3F8E-DBBF-F09324873E37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2100535" y="505196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OTLSHAPE_SLT_f4fd6fab770f4172a5c3da835f158a3c_BaselineShape" hidden="1">
            <a:extLst>
              <a:ext uri="{FF2B5EF4-FFF2-40B4-BE49-F238E27FC236}">
                <a16:creationId xmlns:a16="http://schemas.microsoft.com/office/drawing/2014/main" id="{1C61454B-4731-9634-A1D3-69DCA11BD431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2100535" y="529936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6a3a0e9b60be4c218555919014e7f823_BaselineShape" hidden="1">
            <a:extLst>
              <a:ext uri="{FF2B5EF4-FFF2-40B4-BE49-F238E27FC236}">
                <a16:creationId xmlns:a16="http://schemas.microsoft.com/office/drawing/2014/main" id="{E05DFB19-65CE-8E95-0331-0153D8F24189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2100535" y="554675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3" name="OTLSHAPE_SLT_26571ef92b3f479e9e0bb5ad77378bad_BaselineShape" hidden="1">
            <a:extLst>
              <a:ext uri="{FF2B5EF4-FFF2-40B4-BE49-F238E27FC236}">
                <a16:creationId xmlns:a16="http://schemas.microsoft.com/office/drawing/2014/main" id="{33B7C704-D2DE-C394-B4A8-AA6FFE0E1E9F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2100535" y="572438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2" name="OTLSHAPE_SLT_2fd6183d04ea430d87ab0824d3b37358_BaselineShape" hidden="1">
            <a:extLst>
              <a:ext uri="{FF2B5EF4-FFF2-40B4-BE49-F238E27FC236}">
                <a16:creationId xmlns:a16="http://schemas.microsoft.com/office/drawing/2014/main" id="{795DC872-1BC3-CF2D-42C8-AE10C9AF9353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2100535" y="572438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1" name="OTLSHAPE_SLT_b90a8ea18ad540fe9cbd1a4aa4027717_BaselineShape" hidden="1">
            <a:extLst>
              <a:ext uri="{FF2B5EF4-FFF2-40B4-BE49-F238E27FC236}">
                <a16:creationId xmlns:a16="http://schemas.microsoft.com/office/drawing/2014/main" id="{A8004257-39AE-9261-B96D-67195E8132F3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2100535" y="597821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6" name="OTLSHAPE_SLM_ee5c17aa0c384f8ca7915edbd0d48a68_Shape">
            <a:extLst>
              <a:ext uri="{FF2B5EF4-FFF2-40B4-BE49-F238E27FC236}">
                <a16:creationId xmlns:a16="http://schemas.microsoft.com/office/drawing/2014/main" id="{534D0E76-32DB-62DE-3B29-D6AC2421E5B6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 rot="16200000">
            <a:off x="8502294" y="4658604"/>
            <a:ext cx="101600" cy="101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TB_00000000000000000000000000000000_TodayMarkerShape" hidden="1">
            <a:extLst>
              <a:ext uri="{FF2B5EF4-FFF2-40B4-BE49-F238E27FC236}">
                <a16:creationId xmlns:a16="http://schemas.microsoft.com/office/drawing/2014/main" id="{8B60D538-FA1D-88BD-2BD5-6D47FC55B9E5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2074409" y="1682401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52913A8-06E8-9040-5B48-ACD5E0AAEC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2151335" y="111388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09A1F0C-F6F5-26FB-EAFD-40DA495FE99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035777" y="111388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62" name="OTLSHAPE_SLT_fd18cb50e5e9486da70a0b4f0dcd0717_JoinedDate">
            <a:extLst>
              <a:ext uri="{FF2B5EF4-FFF2-40B4-BE49-F238E27FC236}">
                <a16:creationId xmlns:a16="http://schemas.microsoft.com/office/drawing/2014/main" id="{D13B7AAC-239A-82E7-B215-9438586EC02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3980394" y="1758601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/26 - 6/26</a:t>
            </a:r>
          </a:p>
        </p:txBody>
      </p:sp>
      <p:sp>
        <p:nvSpPr>
          <p:cNvPr id="63" name="OTLSHAPE_SLT_fd18cb50e5e9486da70a0b4f0dcd0717_Title">
            <a:extLst>
              <a:ext uri="{FF2B5EF4-FFF2-40B4-BE49-F238E27FC236}">
                <a16:creationId xmlns:a16="http://schemas.microsoft.com/office/drawing/2014/main" id="{0D7A2F10-B00F-B7E9-5A49-774511EC493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2342582" y="1758601"/>
            <a:ext cx="1397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initiation and planning</a:t>
            </a:r>
          </a:p>
        </p:txBody>
      </p:sp>
      <p:sp>
        <p:nvSpPr>
          <p:cNvPr id="71" name="OTLSHAPE_SLT_9161a82fc0294b20b758e6f3a230537b_Title">
            <a:extLst>
              <a:ext uri="{FF2B5EF4-FFF2-40B4-BE49-F238E27FC236}">
                <a16:creationId xmlns:a16="http://schemas.microsoft.com/office/drawing/2014/main" id="{0E17B7B6-7D7E-823D-1033-E10D5B7B4B64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151343" y="2761224"/>
            <a:ext cx="355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scope</a:t>
            </a:r>
          </a:p>
        </p:txBody>
      </p:sp>
      <p:sp>
        <p:nvSpPr>
          <p:cNvPr id="82" name="OTLSHAPE_SLT_dd90907b5e8b4a3db6fda9304f5f9b60_Title">
            <a:extLst>
              <a:ext uri="{FF2B5EF4-FFF2-40B4-BE49-F238E27FC236}">
                <a16:creationId xmlns:a16="http://schemas.microsoft.com/office/drawing/2014/main" id="{2DE30CC7-9817-3870-8466-8406165A838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506996" y="2761224"/>
            <a:ext cx="4953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asibility study</a:t>
            </a:r>
          </a:p>
        </p:txBody>
      </p:sp>
      <p:sp>
        <p:nvSpPr>
          <p:cNvPr id="96" name="OTLSHAPE_SLT_8896caf013584f79b32dbc3a02adf375_Title">
            <a:extLst>
              <a:ext uri="{FF2B5EF4-FFF2-40B4-BE49-F238E27FC236}">
                <a16:creationId xmlns:a16="http://schemas.microsoft.com/office/drawing/2014/main" id="{6D277689-646E-B5D6-DA07-9D13C5E86B1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015073" y="2761224"/>
            <a:ext cx="1117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quirements gathering</a:t>
            </a:r>
          </a:p>
        </p:txBody>
      </p:sp>
      <p:sp>
        <p:nvSpPr>
          <p:cNvPr id="104" name="OTLSHAPE_SLT_3952187e737b4e4b898835c1309a9b32_Title">
            <a:extLst>
              <a:ext uri="{FF2B5EF4-FFF2-40B4-BE49-F238E27FC236}">
                <a16:creationId xmlns:a16="http://schemas.microsoft.com/office/drawing/2014/main" id="{B3D80E63-8D15-8321-6432-4E4CC6D1A89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4031194" y="2627958"/>
            <a:ext cx="1206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rgbClr val="B0131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plan development</a:t>
            </a:r>
          </a:p>
        </p:txBody>
      </p:sp>
      <p:sp>
        <p:nvSpPr>
          <p:cNvPr id="120" name="OTLSHAPE_SLT_f0985be3adb44209a5d1cbaa95789f93_JoinedDate">
            <a:extLst>
              <a:ext uri="{FF2B5EF4-FFF2-40B4-BE49-F238E27FC236}">
                <a16:creationId xmlns:a16="http://schemas.microsoft.com/office/drawing/2014/main" id="{7EBEA8A8-7606-9E5E-BE59-6721C5099AB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003452" y="3154585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26 - 10/26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1" name="OTLSHAPE_SLT_f0985be3adb44209a5d1cbaa95789f93_Title">
            <a:extLst>
              <a:ext uri="{FF2B5EF4-FFF2-40B4-BE49-F238E27FC236}">
                <a16:creationId xmlns:a16="http://schemas.microsoft.com/office/drawing/2014/main" id="{739FE0F7-DC37-26F7-28C0-0EFA00E81C9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4690964" y="3154585"/>
            <a:ext cx="151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stem design and development</a:t>
            </a:r>
          </a:p>
        </p:txBody>
      </p:sp>
      <p:sp>
        <p:nvSpPr>
          <p:cNvPr id="129" name="OTLSHAPE_SLT_d45175e9e201438daf375b4a89e16d06_Title">
            <a:extLst>
              <a:ext uri="{FF2B5EF4-FFF2-40B4-BE49-F238E27FC236}">
                <a16:creationId xmlns:a16="http://schemas.microsoft.com/office/drawing/2014/main" id="{10BBE073-3A18-F07C-A9D4-9A9A97C468D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691694" y="3332216"/>
            <a:ext cx="1257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rgbClr val="B0131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stem architecture design</a:t>
            </a:r>
          </a:p>
        </p:txBody>
      </p:sp>
      <p:sp>
        <p:nvSpPr>
          <p:cNvPr id="137" name="OTLSHAPE_SLT_841822c4302d406fb850d067efc89277_Title">
            <a:extLst>
              <a:ext uri="{FF2B5EF4-FFF2-40B4-BE49-F238E27FC236}">
                <a16:creationId xmlns:a16="http://schemas.microsoft.com/office/drawing/2014/main" id="{936AAC03-42FD-A6BB-E82F-BBF997F6D9EF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640919" y="3636846"/>
            <a:ext cx="1346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rgbClr val="B0131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 (dev &amp; testing)</a:t>
            </a:r>
          </a:p>
        </p:txBody>
      </p:sp>
      <p:sp>
        <p:nvSpPr>
          <p:cNvPr id="145" name="OTLSHAPE_SLT_949685e10db24fa5a62e0174bb7dcb1b_Title">
            <a:extLst>
              <a:ext uri="{FF2B5EF4-FFF2-40B4-BE49-F238E27FC236}">
                <a16:creationId xmlns:a16="http://schemas.microsoft.com/office/drawing/2014/main" id="{0AB8C8EB-0F95-C597-C433-91061780807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6419189" y="3954177"/>
            <a:ext cx="1498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rgbClr val="B0131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urity and penetration testing</a:t>
            </a:r>
          </a:p>
        </p:txBody>
      </p:sp>
      <p:sp>
        <p:nvSpPr>
          <p:cNvPr id="153" name="OTLSHAPE_SLT_e261ed7f87ff461d96c5c7774646c04c_Title">
            <a:extLst>
              <a:ext uri="{FF2B5EF4-FFF2-40B4-BE49-F238E27FC236}">
                <a16:creationId xmlns:a16="http://schemas.microsoft.com/office/drawing/2014/main" id="{48C6B761-E59F-C131-81E4-226108C5EEB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419189" y="4385807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urity audit</a:t>
            </a:r>
          </a:p>
        </p:txBody>
      </p:sp>
      <p:sp>
        <p:nvSpPr>
          <p:cNvPr id="163" name="OTLSHAPE_SLT_ddd3069fe73b4349b9434e6c48f0169c_JoinedDate">
            <a:extLst>
              <a:ext uri="{FF2B5EF4-FFF2-40B4-BE49-F238E27FC236}">
                <a16:creationId xmlns:a16="http://schemas.microsoft.com/office/drawing/2014/main" id="{AE4D0F8B-FF76-4CD4-D0D6-78DD224B8C3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289798" y="47791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/26 - 1/27</a:t>
            </a:r>
          </a:p>
        </p:txBody>
      </p:sp>
      <p:sp>
        <p:nvSpPr>
          <p:cNvPr id="164" name="OTLSHAPE_SLT_ddd3069fe73b4349b9434e6c48f0169c_Title">
            <a:extLst>
              <a:ext uri="{FF2B5EF4-FFF2-40B4-BE49-F238E27FC236}">
                <a16:creationId xmlns:a16="http://schemas.microsoft.com/office/drawing/2014/main" id="{737E2008-4313-700E-3A68-876245B2CE8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540844" y="4779169"/>
            <a:ext cx="1117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ing and deployment</a:t>
            </a:r>
          </a:p>
        </p:txBody>
      </p:sp>
      <p:sp>
        <p:nvSpPr>
          <p:cNvPr id="172" name="OTLSHAPE_SLT_10599d9045f34a92a1419c20ceeb5ac9_Title">
            <a:extLst>
              <a:ext uri="{FF2B5EF4-FFF2-40B4-BE49-F238E27FC236}">
                <a16:creationId xmlns:a16="http://schemas.microsoft.com/office/drawing/2014/main" id="{B8BC4075-FF93-0F1A-5393-37E0D94D739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536933" y="4956799"/>
            <a:ext cx="1397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ser acceptance testing (UAT)</a:t>
            </a:r>
          </a:p>
        </p:txBody>
      </p:sp>
      <p:sp>
        <p:nvSpPr>
          <p:cNvPr id="180" name="OTLSHAPE_SLT_f4fd6fab770f4172a5c3da835f158a3c_Title">
            <a:extLst>
              <a:ext uri="{FF2B5EF4-FFF2-40B4-BE49-F238E27FC236}">
                <a16:creationId xmlns:a16="http://schemas.microsoft.com/office/drawing/2014/main" id="{A968A8BB-05B6-6C2D-E09C-15185DC1A34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715168" y="5134430"/>
            <a:ext cx="6350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rgbClr val="B0131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erformance testing</a:t>
            </a:r>
          </a:p>
        </p:txBody>
      </p:sp>
      <p:sp>
        <p:nvSpPr>
          <p:cNvPr id="188" name="OTLSHAPE_SLT_6a3a0e9b60be4c218555919014e7f823_Title">
            <a:extLst>
              <a:ext uri="{FF2B5EF4-FFF2-40B4-BE49-F238E27FC236}">
                <a16:creationId xmlns:a16="http://schemas.microsoft.com/office/drawing/2014/main" id="{CDB141B9-08AC-F060-795E-0C4FE350A241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8603886" y="5451592"/>
            <a:ext cx="1117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rgbClr val="B0131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ployment and go-live</a:t>
            </a:r>
          </a:p>
        </p:txBody>
      </p:sp>
      <p:sp>
        <p:nvSpPr>
          <p:cNvPr id="196" name="OTLSHAPE_SLT_26571ef92b3f479e9e0bb5ad77378bad_Title">
            <a:extLst>
              <a:ext uri="{FF2B5EF4-FFF2-40B4-BE49-F238E27FC236}">
                <a16:creationId xmlns:a16="http://schemas.microsoft.com/office/drawing/2014/main" id="{CC8C579F-C97A-160D-D019-9C1D49C68E4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7726992" y="5629222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ser training</a:t>
            </a:r>
          </a:p>
        </p:txBody>
      </p:sp>
      <p:sp>
        <p:nvSpPr>
          <p:cNvPr id="204" name="OTLSHAPE_SLT_2fd6183d04ea430d87ab0824d3b37358_Title">
            <a:extLst>
              <a:ext uri="{FF2B5EF4-FFF2-40B4-BE49-F238E27FC236}">
                <a16:creationId xmlns:a16="http://schemas.microsoft.com/office/drawing/2014/main" id="{A695E46F-5AA6-1D4F-5451-02ED324530DB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315194" y="5629222"/>
            <a:ext cx="1320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6" normalizeH="0" baseline="0" noProof="0" dirty="0">
                <a:ln>
                  <a:noFill/>
                </a:ln>
                <a:solidFill>
                  <a:srgbClr val="B0131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st-implementation review</a:t>
            </a:r>
          </a:p>
        </p:txBody>
      </p:sp>
      <p:sp>
        <p:nvSpPr>
          <p:cNvPr id="214" name="OTLSHAPE_SLT_b90a8ea18ad540fe9cbd1a4aa4027717_JoinedDate">
            <a:extLst>
              <a:ext uri="{FF2B5EF4-FFF2-40B4-BE49-F238E27FC236}">
                <a16:creationId xmlns:a16="http://schemas.microsoft.com/office/drawing/2014/main" id="{45D6F1F9-D8A6-71E2-4C0F-2FB41F60AAB8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7799567" y="5883053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/26 - 3/27</a:t>
            </a:r>
          </a:p>
        </p:txBody>
      </p:sp>
      <p:sp>
        <p:nvSpPr>
          <p:cNvPr id="215" name="OTLSHAPE_SLT_b90a8ea18ad540fe9cbd1a4aa4027717_Title">
            <a:extLst>
              <a:ext uri="{FF2B5EF4-FFF2-40B4-BE49-F238E27FC236}">
                <a16:creationId xmlns:a16="http://schemas.microsoft.com/office/drawing/2014/main" id="{A9950DFF-3AFF-2315-2FD8-1408287EA61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8527708" y="6016318"/>
            <a:ext cx="1206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rgbClr val="B0131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intenance and support</a:t>
            </a:r>
          </a:p>
        </p:txBody>
      </p:sp>
      <p:sp>
        <p:nvSpPr>
          <p:cNvPr id="220" name="OTLSHAPE_TB_00000000000000000000000000000000_MiddleTimescaleInterval1">
            <a:extLst>
              <a:ext uri="{FF2B5EF4-FFF2-40B4-BE49-F238E27FC236}">
                <a16:creationId xmlns:a16="http://schemas.microsoft.com/office/drawing/2014/main" id="{1DDA7F60-88D5-D886-89A4-5D65C7AD8E53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2151335" y="1305909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222" name="OTLSHAPE_TB_00000000000000000000000000000000_MiddleTimescaleInterval2">
            <a:extLst>
              <a:ext uri="{FF2B5EF4-FFF2-40B4-BE49-F238E27FC236}">
                <a16:creationId xmlns:a16="http://schemas.microsoft.com/office/drawing/2014/main" id="{B482EAF7-3A9A-22DF-63B5-AAD877D07A76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2811835" y="1305909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24" name="OTLSHAPE_TB_00000000000000000000000000000000_MiddleTimescaleInterval3">
            <a:extLst>
              <a:ext uri="{FF2B5EF4-FFF2-40B4-BE49-F238E27FC236}">
                <a16:creationId xmlns:a16="http://schemas.microsoft.com/office/drawing/2014/main" id="{3F75F173-C720-CC37-2152-E18A72C84720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3599354" y="1305909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226" name="OTLSHAPE_TB_00000000000000000000000000000000_MiddleTimescaleInterval4">
            <a:extLst>
              <a:ext uri="{FF2B5EF4-FFF2-40B4-BE49-F238E27FC236}">
                <a16:creationId xmlns:a16="http://schemas.microsoft.com/office/drawing/2014/main" id="{EC964C53-20A3-97D1-AC88-B9FCA8630D8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4361469" y="1305909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228" name="OTLSHAPE_TB_00000000000000000000000000000000_MiddleTimescaleInterval5">
            <a:extLst>
              <a:ext uri="{FF2B5EF4-FFF2-40B4-BE49-F238E27FC236}">
                <a16:creationId xmlns:a16="http://schemas.microsoft.com/office/drawing/2014/main" id="{20951354-CB16-BE2B-5730-106CA173943A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5148989" y="1305909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230" name="OTLSHAPE_TB_00000000000000000000000000000000_MiddleTimescaleInterval6">
            <a:extLst>
              <a:ext uri="{FF2B5EF4-FFF2-40B4-BE49-F238E27FC236}">
                <a16:creationId xmlns:a16="http://schemas.microsoft.com/office/drawing/2014/main" id="{D110320F-7021-E00E-A4C9-C99B25B00B5E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5936508" y="1305909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32" name="OTLSHAPE_TB_00000000000000000000000000000000_MiddleTimescaleInterval7">
            <a:extLst>
              <a:ext uri="{FF2B5EF4-FFF2-40B4-BE49-F238E27FC236}">
                <a16:creationId xmlns:a16="http://schemas.microsoft.com/office/drawing/2014/main" id="{AED8A5CC-33A4-A224-30B3-A2C58E2FB959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6698624" y="1305909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234" name="OTLSHAPE_TB_00000000000000000000000000000000_MiddleTimescaleInterval8">
            <a:extLst>
              <a:ext uri="{FF2B5EF4-FFF2-40B4-BE49-F238E27FC236}">
                <a16:creationId xmlns:a16="http://schemas.microsoft.com/office/drawing/2014/main" id="{BD9086E6-F9AE-0896-1169-E6D40FFA4A6D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486142" y="1305909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236" name="OTLSHAPE_TB_00000000000000000000000000000000_MiddleTimescaleInterval9">
            <a:extLst>
              <a:ext uri="{FF2B5EF4-FFF2-40B4-BE49-F238E27FC236}">
                <a16:creationId xmlns:a16="http://schemas.microsoft.com/office/drawing/2014/main" id="{94AF03AD-7389-1340-D947-633EEAB439FD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8248258" y="1305909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238" name="OTLSHAPE_TB_00000000000000000000000000000000_MiddleTimescaleInterval10">
            <a:extLst>
              <a:ext uri="{FF2B5EF4-FFF2-40B4-BE49-F238E27FC236}">
                <a16:creationId xmlns:a16="http://schemas.microsoft.com/office/drawing/2014/main" id="{10035F08-C923-68D2-A895-94A329E9DA7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9035777" y="1305909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40" name="OTLSHAPE_TB_00000000000000000000000000000000_MiddleTimescaleInterval11">
            <a:extLst>
              <a:ext uri="{FF2B5EF4-FFF2-40B4-BE49-F238E27FC236}">
                <a16:creationId xmlns:a16="http://schemas.microsoft.com/office/drawing/2014/main" id="{D9670B5C-C693-80F0-E357-4C858912F68C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9823297" y="1305909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242" name="OTLSHAPE_TB_00000000000000000000000000000000_MiddleTimescaleInterval12">
            <a:extLst>
              <a:ext uri="{FF2B5EF4-FFF2-40B4-BE49-F238E27FC236}">
                <a16:creationId xmlns:a16="http://schemas.microsoft.com/office/drawing/2014/main" id="{F0AC3229-3B9F-8F25-BBE1-2667E69ABB01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0534604" y="1305909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247" name="OTLSHAPE_TB_00000000000000000000000000000000_BottomTimescaleInterval2">
            <a:extLst>
              <a:ext uri="{FF2B5EF4-FFF2-40B4-BE49-F238E27FC236}">
                <a16:creationId xmlns:a16="http://schemas.microsoft.com/office/drawing/2014/main" id="{035020E0-D9D0-3939-CF05-91D0FE237EE9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2506989" y="14979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</a:t>
            </a:r>
          </a:p>
        </p:txBody>
      </p:sp>
      <p:sp>
        <p:nvSpPr>
          <p:cNvPr id="249" name="OTLSHAPE_TB_00000000000000000000000000000000_BottomTimescaleInterval3">
            <a:extLst>
              <a:ext uri="{FF2B5EF4-FFF2-40B4-BE49-F238E27FC236}">
                <a16:creationId xmlns:a16="http://schemas.microsoft.com/office/drawing/2014/main" id="{78768374-8425-B890-2B9C-A6C491DE23A6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2862643" y="14979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</a:t>
            </a:r>
          </a:p>
        </p:txBody>
      </p:sp>
      <p:sp>
        <p:nvSpPr>
          <p:cNvPr id="251" name="OTLSHAPE_TB_00000000000000000000000000000000_BottomTimescaleInterval4">
            <a:extLst>
              <a:ext uri="{FF2B5EF4-FFF2-40B4-BE49-F238E27FC236}">
                <a16:creationId xmlns:a16="http://schemas.microsoft.com/office/drawing/2014/main" id="{78B178AA-118B-6506-B4D2-AE35B324C469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3218296" y="14979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</a:p>
        </p:txBody>
      </p:sp>
      <p:sp>
        <p:nvSpPr>
          <p:cNvPr id="253" name="OTLSHAPE_TB_00000000000000000000000000000000_BottomTimescaleInterval5">
            <a:extLst>
              <a:ext uri="{FF2B5EF4-FFF2-40B4-BE49-F238E27FC236}">
                <a16:creationId xmlns:a16="http://schemas.microsoft.com/office/drawing/2014/main" id="{44F2CD80-BA9B-624E-4574-E1EAC9D7AC0F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3573950" y="14979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</a:t>
            </a:r>
          </a:p>
        </p:txBody>
      </p:sp>
      <p:sp>
        <p:nvSpPr>
          <p:cNvPr id="255" name="OTLSHAPE_TB_00000000000000000000000000000000_BottomTimescaleInterval6">
            <a:extLst>
              <a:ext uri="{FF2B5EF4-FFF2-40B4-BE49-F238E27FC236}">
                <a16:creationId xmlns:a16="http://schemas.microsoft.com/office/drawing/2014/main" id="{F861C0CE-75A5-F0CA-7C3D-3B1B03EAB19D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3929604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</a:t>
            </a:r>
          </a:p>
        </p:txBody>
      </p:sp>
      <p:sp>
        <p:nvSpPr>
          <p:cNvPr id="257" name="OTLSHAPE_TB_00000000000000000000000000000000_BottomTimescaleInterval7">
            <a:extLst>
              <a:ext uri="{FF2B5EF4-FFF2-40B4-BE49-F238E27FC236}">
                <a16:creationId xmlns:a16="http://schemas.microsoft.com/office/drawing/2014/main" id="{80ED72EC-1E34-B269-0D12-54378653181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4285258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</a:t>
            </a:r>
          </a:p>
        </p:txBody>
      </p:sp>
      <p:sp>
        <p:nvSpPr>
          <p:cNvPr id="259" name="OTLSHAPE_TB_00000000000000000000000000000000_BottomTimescaleInterval8">
            <a:extLst>
              <a:ext uri="{FF2B5EF4-FFF2-40B4-BE49-F238E27FC236}">
                <a16:creationId xmlns:a16="http://schemas.microsoft.com/office/drawing/2014/main" id="{F150F9D8-655C-7B99-3A89-4B6E4746EE9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4640912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</a:t>
            </a:r>
          </a:p>
        </p:txBody>
      </p:sp>
      <p:sp>
        <p:nvSpPr>
          <p:cNvPr id="261" name="OTLSHAPE_TB_00000000000000000000000000000000_BottomTimescaleInterval9">
            <a:extLst>
              <a:ext uri="{FF2B5EF4-FFF2-40B4-BE49-F238E27FC236}">
                <a16:creationId xmlns:a16="http://schemas.microsoft.com/office/drawing/2014/main" id="{7EBA7479-5DF2-EFAD-4911-DC78DCD1E7EE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4996566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</a:t>
            </a:r>
          </a:p>
        </p:txBody>
      </p:sp>
      <p:sp>
        <p:nvSpPr>
          <p:cNvPr id="263" name="OTLSHAPE_TB_00000000000000000000000000000000_BottomTimescaleInterval10">
            <a:extLst>
              <a:ext uri="{FF2B5EF4-FFF2-40B4-BE49-F238E27FC236}">
                <a16:creationId xmlns:a16="http://schemas.microsoft.com/office/drawing/2014/main" id="{C5B51CE8-428B-99AD-106F-88BC6EE8C95D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5352219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</a:t>
            </a:r>
          </a:p>
        </p:txBody>
      </p:sp>
      <p:sp>
        <p:nvSpPr>
          <p:cNvPr id="265" name="OTLSHAPE_TB_00000000000000000000000000000000_BottomTimescaleInterval11">
            <a:extLst>
              <a:ext uri="{FF2B5EF4-FFF2-40B4-BE49-F238E27FC236}">
                <a16:creationId xmlns:a16="http://schemas.microsoft.com/office/drawing/2014/main" id="{4D2C190C-A508-A95B-0FFE-42613051875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5707873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</a:t>
            </a:r>
          </a:p>
        </p:txBody>
      </p:sp>
      <p:sp>
        <p:nvSpPr>
          <p:cNvPr id="267" name="OTLSHAPE_TB_00000000000000000000000000000000_BottomTimescaleInterval12">
            <a:extLst>
              <a:ext uri="{FF2B5EF4-FFF2-40B4-BE49-F238E27FC236}">
                <a16:creationId xmlns:a16="http://schemas.microsoft.com/office/drawing/2014/main" id="{B8496A56-04B7-8934-0D2E-C01DA1FA8C2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6063527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</a:t>
            </a:r>
          </a:p>
        </p:txBody>
      </p:sp>
      <p:sp>
        <p:nvSpPr>
          <p:cNvPr id="269" name="OTLSHAPE_TB_00000000000000000000000000000000_BottomTimescaleInterval13">
            <a:extLst>
              <a:ext uri="{FF2B5EF4-FFF2-40B4-BE49-F238E27FC236}">
                <a16:creationId xmlns:a16="http://schemas.microsoft.com/office/drawing/2014/main" id="{8741C344-C967-39E0-300D-9163F6F72B96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6419181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</a:t>
            </a:r>
          </a:p>
        </p:txBody>
      </p:sp>
      <p:sp>
        <p:nvSpPr>
          <p:cNvPr id="271" name="OTLSHAPE_TB_00000000000000000000000000000000_BottomTimescaleInterval14">
            <a:extLst>
              <a:ext uri="{FF2B5EF4-FFF2-40B4-BE49-F238E27FC236}">
                <a16:creationId xmlns:a16="http://schemas.microsoft.com/office/drawing/2014/main" id="{2F4B467A-43C3-A7C0-C003-C60DC1C85930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6774835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7</a:t>
            </a:r>
          </a:p>
        </p:txBody>
      </p:sp>
      <p:sp>
        <p:nvSpPr>
          <p:cNvPr id="273" name="OTLSHAPE_TB_00000000000000000000000000000000_BottomTimescaleInterval15">
            <a:extLst>
              <a:ext uri="{FF2B5EF4-FFF2-40B4-BE49-F238E27FC236}">
                <a16:creationId xmlns:a16="http://schemas.microsoft.com/office/drawing/2014/main" id="{185A23C6-BE8C-7578-9715-3B5B6D58EF3E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7130489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9</a:t>
            </a:r>
          </a:p>
        </p:txBody>
      </p:sp>
      <p:sp>
        <p:nvSpPr>
          <p:cNvPr id="275" name="OTLSHAPE_TB_00000000000000000000000000000000_BottomTimescaleInterval16">
            <a:extLst>
              <a:ext uri="{FF2B5EF4-FFF2-40B4-BE49-F238E27FC236}">
                <a16:creationId xmlns:a16="http://schemas.microsoft.com/office/drawing/2014/main" id="{EC02B81D-F2DA-1DE3-B907-CA5B669EE155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7486142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1</a:t>
            </a:r>
          </a:p>
        </p:txBody>
      </p:sp>
      <p:sp>
        <p:nvSpPr>
          <p:cNvPr id="277" name="OTLSHAPE_TB_00000000000000000000000000000000_BottomTimescaleInterval17">
            <a:extLst>
              <a:ext uri="{FF2B5EF4-FFF2-40B4-BE49-F238E27FC236}">
                <a16:creationId xmlns:a16="http://schemas.microsoft.com/office/drawing/2014/main" id="{3DEA8B8B-C4BB-E801-F8C9-2CC50D732840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7841797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3</a:t>
            </a:r>
          </a:p>
        </p:txBody>
      </p:sp>
      <p:sp>
        <p:nvSpPr>
          <p:cNvPr id="279" name="OTLSHAPE_TB_00000000000000000000000000000000_BottomTimescaleInterval18">
            <a:extLst>
              <a:ext uri="{FF2B5EF4-FFF2-40B4-BE49-F238E27FC236}">
                <a16:creationId xmlns:a16="http://schemas.microsoft.com/office/drawing/2014/main" id="{F34ACE2F-FDB4-525A-5E9E-C68199075777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8197450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</a:t>
            </a:r>
          </a:p>
        </p:txBody>
      </p:sp>
      <p:sp>
        <p:nvSpPr>
          <p:cNvPr id="281" name="OTLSHAPE_TB_00000000000000000000000000000000_BottomTimescaleInterval19">
            <a:extLst>
              <a:ext uri="{FF2B5EF4-FFF2-40B4-BE49-F238E27FC236}">
                <a16:creationId xmlns:a16="http://schemas.microsoft.com/office/drawing/2014/main" id="{367CD3C0-792D-D427-300D-D35E788E8F7D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8553104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7</a:t>
            </a:r>
          </a:p>
        </p:txBody>
      </p:sp>
      <p:sp>
        <p:nvSpPr>
          <p:cNvPr id="283" name="OTLSHAPE_TB_00000000000000000000000000000000_BottomTimescaleInterval20">
            <a:extLst>
              <a:ext uri="{FF2B5EF4-FFF2-40B4-BE49-F238E27FC236}">
                <a16:creationId xmlns:a16="http://schemas.microsoft.com/office/drawing/2014/main" id="{EA9C0989-8E7B-093A-3212-CE41BFC445F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908758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9</a:t>
            </a:r>
          </a:p>
        </p:txBody>
      </p:sp>
      <p:sp>
        <p:nvSpPr>
          <p:cNvPr id="285" name="OTLSHAPE_TB_00000000000000000000000000000000_BottomTimescaleInterval21">
            <a:extLst>
              <a:ext uri="{FF2B5EF4-FFF2-40B4-BE49-F238E27FC236}">
                <a16:creationId xmlns:a16="http://schemas.microsoft.com/office/drawing/2014/main" id="{5C054A5A-0E10-5A52-1D38-27B391ADF709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9264412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1</a:t>
            </a:r>
          </a:p>
        </p:txBody>
      </p:sp>
      <p:sp>
        <p:nvSpPr>
          <p:cNvPr id="287" name="OTLSHAPE_TB_00000000000000000000000000000000_BottomTimescaleInterval22">
            <a:extLst>
              <a:ext uri="{FF2B5EF4-FFF2-40B4-BE49-F238E27FC236}">
                <a16:creationId xmlns:a16="http://schemas.microsoft.com/office/drawing/2014/main" id="{C81F2DC4-03EA-5BD4-6C50-3E665F0BA737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9620066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3</a:t>
            </a:r>
          </a:p>
        </p:txBody>
      </p:sp>
      <p:sp>
        <p:nvSpPr>
          <p:cNvPr id="289" name="OTLSHAPE_TB_00000000000000000000000000000000_BottomTimescaleInterval23">
            <a:extLst>
              <a:ext uri="{FF2B5EF4-FFF2-40B4-BE49-F238E27FC236}">
                <a16:creationId xmlns:a16="http://schemas.microsoft.com/office/drawing/2014/main" id="{D7635FA8-5FEA-2446-9ECE-0FC967F764F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9975720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5</a:t>
            </a:r>
          </a:p>
        </p:txBody>
      </p:sp>
      <p:sp>
        <p:nvSpPr>
          <p:cNvPr id="291" name="OTLSHAPE_TB_00000000000000000000000000000000_BottomTimescaleInterval24">
            <a:extLst>
              <a:ext uri="{FF2B5EF4-FFF2-40B4-BE49-F238E27FC236}">
                <a16:creationId xmlns:a16="http://schemas.microsoft.com/office/drawing/2014/main" id="{209A9A94-FEE4-A127-8639-9ED3440F0D63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0331373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7</a:t>
            </a:r>
          </a:p>
        </p:txBody>
      </p:sp>
      <p:sp>
        <p:nvSpPr>
          <p:cNvPr id="293" name="OTLSHAPE_TB_00000000000000000000000000000000_BottomTimescaleInterval25">
            <a:extLst>
              <a:ext uri="{FF2B5EF4-FFF2-40B4-BE49-F238E27FC236}">
                <a16:creationId xmlns:a16="http://schemas.microsoft.com/office/drawing/2014/main" id="{1021A2AF-E03F-D757-9EB7-3334037495FB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0687028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9</a:t>
            </a:r>
          </a:p>
        </p:txBody>
      </p:sp>
      <p:sp>
        <p:nvSpPr>
          <p:cNvPr id="295" name="OTLSHAPE_TB_00000000000000000000000000000000_BottomTimescaleInterval26">
            <a:extLst>
              <a:ext uri="{FF2B5EF4-FFF2-40B4-BE49-F238E27FC236}">
                <a16:creationId xmlns:a16="http://schemas.microsoft.com/office/drawing/2014/main" id="{6EEAC68D-7348-E3CF-816A-AF06EBBA4892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1042681" y="14979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1</a:t>
            </a:r>
          </a:p>
        </p:txBody>
      </p:sp>
      <p:sp>
        <p:nvSpPr>
          <p:cNvPr id="419" name="OTLSHAPE_SLM_ee5c17aa0c384f8ca7915edbd0d48a68_Title">
            <a:extLst>
              <a:ext uri="{FF2B5EF4-FFF2-40B4-BE49-F238E27FC236}">
                <a16:creationId xmlns:a16="http://schemas.microsoft.com/office/drawing/2014/main" id="{B3DE84CA-22B2-359C-25C6-292877BCEEF6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8654694" y="4639638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-live</a:t>
            </a:r>
          </a:p>
        </p:txBody>
      </p:sp>
      <p:sp>
        <p:nvSpPr>
          <p:cNvPr id="420" name="OTLSHAPE_SLM_ee5c17aa0c384f8ca7915edbd0d48a68_Date">
            <a:extLst>
              <a:ext uri="{FF2B5EF4-FFF2-40B4-BE49-F238E27FC236}">
                <a16:creationId xmlns:a16="http://schemas.microsoft.com/office/drawing/2014/main" id="{61C774D2-DE26-25FC-C764-9E9124D8EBFE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8175692" y="4639638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/26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EA161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" name="OTLSHAPE_TB_00000000000000000000000000000000_MiddleTimescaleInterval13" hidden="1">
            <a:extLst>
              <a:ext uri="{FF2B5EF4-FFF2-40B4-BE49-F238E27FC236}">
                <a16:creationId xmlns:a16="http://schemas.microsoft.com/office/drawing/2014/main" id="{768154A1-931C-AA7C-6A5E-1861A698EE0C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668" y="58866"/>
            <a:ext cx="889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6" name="OTLSHAPE_TB_00000000000000000000000000000000_BottomTimescaleInterval1" hidden="1">
            <a:extLst>
              <a:ext uri="{FF2B5EF4-FFF2-40B4-BE49-F238E27FC236}">
                <a16:creationId xmlns:a16="http://schemas.microsoft.com/office/drawing/2014/main" id="{9D8A8317-A1D4-1A65-E62B-89C9EA752A20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668" y="58866"/>
            <a:ext cx="3683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1</a:t>
            </a:r>
          </a:p>
        </p:txBody>
      </p:sp>
      <p:sp>
        <p:nvSpPr>
          <p:cNvPr id="19" name="OTLSHAPE_TB_00000000000000000000000000000000_TodayMarkerText" hidden="1">
            <a:extLst>
              <a:ext uri="{FF2B5EF4-FFF2-40B4-BE49-F238E27FC236}">
                <a16:creationId xmlns:a16="http://schemas.microsoft.com/office/drawing/2014/main" id="{F6595534-D1D9-8768-9424-13B66D52E3CD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0164113" y="868458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26" name="OTLSHAPE_SLT_fd18cb50e5e9486da70a0b4f0dcd0717_Duration" hidden="1">
            <a:extLst>
              <a:ext uri="{FF2B5EF4-FFF2-40B4-BE49-F238E27FC236}">
                <a16:creationId xmlns:a16="http://schemas.microsoft.com/office/drawing/2014/main" id="{6F1A375A-1904-98AB-A27D-E426BDD5CAE2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27" name="OTLSHAPE_SLT_fd18cb50e5e9486da70a0b4f0dcd0717_Variance" hidden="1">
            <a:extLst>
              <a:ext uri="{FF2B5EF4-FFF2-40B4-BE49-F238E27FC236}">
                <a16:creationId xmlns:a16="http://schemas.microsoft.com/office/drawing/2014/main" id="{B1022D6F-6088-723C-03ED-F637278734B0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" name="OTLSHAPE_SLT_fd18cb50e5e9486da70a0b4f0dcd0717_StartDate" hidden="1">
            <a:extLst>
              <a:ext uri="{FF2B5EF4-FFF2-40B4-BE49-F238E27FC236}">
                <a16:creationId xmlns:a16="http://schemas.microsoft.com/office/drawing/2014/main" id="{D3F836BB-3694-2931-29A5-34FEA1984332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" name="OTLSHAPE_SLT_fd18cb50e5e9486da70a0b4f0dcd0717_EndDate" hidden="1">
            <a:extLst>
              <a:ext uri="{FF2B5EF4-FFF2-40B4-BE49-F238E27FC236}">
                <a16:creationId xmlns:a16="http://schemas.microsoft.com/office/drawing/2014/main" id="{EA9EDCE9-4FA3-7CC4-ABD1-D0B25872FDFB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OTLSHAPE_SLT_fd18cb50e5e9486da70a0b4f0dcd0717_TextPercentage" hidden="1">
            <a:extLst>
              <a:ext uri="{FF2B5EF4-FFF2-40B4-BE49-F238E27FC236}">
                <a16:creationId xmlns:a16="http://schemas.microsoft.com/office/drawing/2014/main" id="{9C42A4F0-BC8F-BDD6-3157-37BDC0E443BD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" name="OTLSHAPE_SLT_9161a82fc0294b20b758e6f3a230537b_Duration" hidden="1">
            <a:extLst>
              <a:ext uri="{FF2B5EF4-FFF2-40B4-BE49-F238E27FC236}">
                <a16:creationId xmlns:a16="http://schemas.microsoft.com/office/drawing/2014/main" id="{129936AB-DD4E-0F60-5E66-C87CEFFE6516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59" name="OTLSHAPE_SLT_9161a82fc0294b20b758e6f3a230537b_JoinedDate" hidden="1">
            <a:extLst>
              <a:ext uri="{FF2B5EF4-FFF2-40B4-BE49-F238E27FC236}">
                <a16:creationId xmlns:a16="http://schemas.microsoft.com/office/drawing/2014/main" id="{631E6C0E-EB60-E75C-53CB-A54ACE30016F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472048"/>
            <a:ext cx="533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/26 - 4/26</a:t>
            </a:r>
          </a:p>
        </p:txBody>
      </p:sp>
      <p:sp>
        <p:nvSpPr>
          <p:cNvPr id="60" name="OTLSHAPE_SLT_9161a82fc0294b20b758e6f3a230537b_Variance" hidden="1">
            <a:extLst>
              <a:ext uri="{FF2B5EF4-FFF2-40B4-BE49-F238E27FC236}">
                <a16:creationId xmlns:a16="http://schemas.microsoft.com/office/drawing/2014/main" id="{6BF430E9-61A4-7980-8911-FBF2D6E0C4DE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" name="OTLSHAPE_SLT_9161a82fc0294b20b758e6f3a230537b_StartDate" hidden="1">
            <a:extLst>
              <a:ext uri="{FF2B5EF4-FFF2-40B4-BE49-F238E27FC236}">
                <a16:creationId xmlns:a16="http://schemas.microsoft.com/office/drawing/2014/main" id="{27D84A7C-262C-1B46-F003-C6BB5D310C73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8" name="OTLSHAPE_SLT_9161a82fc0294b20b758e6f3a230537b_EndDate" hidden="1">
            <a:extLst>
              <a:ext uri="{FF2B5EF4-FFF2-40B4-BE49-F238E27FC236}">
                <a16:creationId xmlns:a16="http://schemas.microsoft.com/office/drawing/2014/main" id="{1755CAD8-6A52-FC4F-4697-2063BEDB5642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0" name="OTLSHAPE_SLT_9161a82fc0294b20b758e6f3a230537b_TextPercentage" hidden="1">
            <a:extLst>
              <a:ext uri="{FF2B5EF4-FFF2-40B4-BE49-F238E27FC236}">
                <a16:creationId xmlns:a16="http://schemas.microsoft.com/office/drawing/2014/main" id="{79AC7228-838F-80B1-CE89-75122E1B3964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7" name="OTLSHAPE_SLT_3952187e737b4e4b898835c1309a9b32_Duration" hidden="1">
            <a:extLst>
              <a:ext uri="{FF2B5EF4-FFF2-40B4-BE49-F238E27FC236}">
                <a16:creationId xmlns:a16="http://schemas.microsoft.com/office/drawing/2014/main" id="{F3DF78B4-6041-7120-82D8-0367E52E5BFD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458" name="OTLSHAPE_SLT_3952187e737b4e4b898835c1309a9b32_JoinedDate" hidden="1">
            <a:extLst>
              <a:ext uri="{FF2B5EF4-FFF2-40B4-BE49-F238E27FC236}">
                <a16:creationId xmlns:a16="http://schemas.microsoft.com/office/drawing/2014/main" id="{5C4813BA-D534-60B1-4509-70D71452A01F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472048"/>
            <a:ext cx="533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/26 - 6/26</a:t>
            </a:r>
          </a:p>
        </p:txBody>
      </p:sp>
      <p:sp>
        <p:nvSpPr>
          <p:cNvPr id="460" name="OTLSHAPE_SLT_3952187e737b4e4b898835c1309a9b32_Variance" hidden="1">
            <a:extLst>
              <a:ext uri="{FF2B5EF4-FFF2-40B4-BE49-F238E27FC236}">
                <a16:creationId xmlns:a16="http://schemas.microsoft.com/office/drawing/2014/main" id="{1F420558-8681-45EE-6A90-0878E102EAD1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2" name="OTLSHAPE_SLT_3952187e737b4e4b898835c1309a9b32_StartDate" hidden="1">
            <a:extLst>
              <a:ext uri="{FF2B5EF4-FFF2-40B4-BE49-F238E27FC236}">
                <a16:creationId xmlns:a16="http://schemas.microsoft.com/office/drawing/2014/main" id="{F1EFDBC3-5E40-FA9C-6BDE-DFF12B28A06B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3" name="OTLSHAPE_SLT_3952187e737b4e4b898835c1309a9b32_EndDate" hidden="1">
            <a:extLst>
              <a:ext uri="{FF2B5EF4-FFF2-40B4-BE49-F238E27FC236}">
                <a16:creationId xmlns:a16="http://schemas.microsoft.com/office/drawing/2014/main" id="{17EFBAED-D5CB-785E-C670-8E020EFD9722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4" name="OTLSHAPE_SLT_3952187e737b4e4b898835c1309a9b32_TextPercentage" hidden="1">
            <a:extLst>
              <a:ext uri="{FF2B5EF4-FFF2-40B4-BE49-F238E27FC236}">
                <a16:creationId xmlns:a16="http://schemas.microsoft.com/office/drawing/2014/main" id="{827F78A7-A437-DC40-71A6-97C2D9C5B715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9" name="OTLSHAPE_SLT_8896caf013584f79b32dbc3a02adf375_Duration" hidden="1">
            <a:extLst>
              <a:ext uri="{FF2B5EF4-FFF2-40B4-BE49-F238E27FC236}">
                <a16:creationId xmlns:a16="http://schemas.microsoft.com/office/drawing/2014/main" id="{EEDA124E-FCFC-DF24-553C-A67DF9C2021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days</a:t>
            </a:r>
          </a:p>
        </p:txBody>
      </p:sp>
      <p:sp>
        <p:nvSpPr>
          <p:cNvPr id="470" name="OTLSHAPE_SLT_8896caf013584f79b32dbc3a02adf375_JoinedDate" hidden="1">
            <a:extLst>
              <a:ext uri="{FF2B5EF4-FFF2-40B4-BE49-F238E27FC236}">
                <a16:creationId xmlns:a16="http://schemas.microsoft.com/office/drawing/2014/main" id="{EADE6966-2AE4-09B5-904C-B13502253F10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472048"/>
            <a:ext cx="533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/26 - 5/26</a:t>
            </a:r>
          </a:p>
        </p:txBody>
      </p:sp>
      <p:sp>
        <p:nvSpPr>
          <p:cNvPr id="471" name="OTLSHAPE_SLT_8896caf013584f79b32dbc3a02adf375_Variance" hidden="1">
            <a:extLst>
              <a:ext uri="{FF2B5EF4-FFF2-40B4-BE49-F238E27FC236}">
                <a16:creationId xmlns:a16="http://schemas.microsoft.com/office/drawing/2014/main" id="{2F823654-AD5F-95FA-1389-E5A4982BB45B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2" name="OTLSHAPE_SLT_8896caf013584f79b32dbc3a02adf375_StartDate" hidden="1">
            <a:extLst>
              <a:ext uri="{FF2B5EF4-FFF2-40B4-BE49-F238E27FC236}">
                <a16:creationId xmlns:a16="http://schemas.microsoft.com/office/drawing/2014/main" id="{CB2C2D3D-605C-5DD4-1988-49BCA87A2B9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3" name="OTLSHAPE_SLT_8896caf013584f79b32dbc3a02adf375_EndDate" hidden="1">
            <a:extLst>
              <a:ext uri="{FF2B5EF4-FFF2-40B4-BE49-F238E27FC236}">
                <a16:creationId xmlns:a16="http://schemas.microsoft.com/office/drawing/2014/main" id="{A8D500EB-15A4-6B0C-EB53-DAE93C81E357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4" name="OTLSHAPE_SLT_8896caf013584f79b32dbc3a02adf375_TextPercentage" hidden="1">
            <a:extLst>
              <a:ext uri="{FF2B5EF4-FFF2-40B4-BE49-F238E27FC236}">
                <a16:creationId xmlns:a16="http://schemas.microsoft.com/office/drawing/2014/main" id="{AF6D55E6-97AA-80FB-9009-288C7FFF0F20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9" name="OTLSHAPE_SLT_dd90907b5e8b4a3db6fda9304f5f9b60_Duration" hidden="1">
            <a:extLst>
              <a:ext uri="{FF2B5EF4-FFF2-40B4-BE49-F238E27FC236}">
                <a16:creationId xmlns:a16="http://schemas.microsoft.com/office/drawing/2014/main" id="{A531FF4F-4950-D194-756A-B125AE064C52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 days</a:t>
            </a:r>
          </a:p>
        </p:txBody>
      </p:sp>
      <p:sp>
        <p:nvSpPr>
          <p:cNvPr id="480" name="OTLSHAPE_SLT_dd90907b5e8b4a3db6fda9304f5f9b60_JoinedDate" hidden="1">
            <a:extLst>
              <a:ext uri="{FF2B5EF4-FFF2-40B4-BE49-F238E27FC236}">
                <a16:creationId xmlns:a16="http://schemas.microsoft.com/office/drawing/2014/main" id="{0CD32F3A-9D72-30C2-1959-7EE9EC12DD32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472048"/>
            <a:ext cx="533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/26 - 5/26</a:t>
            </a:r>
          </a:p>
        </p:txBody>
      </p:sp>
      <p:sp>
        <p:nvSpPr>
          <p:cNvPr id="481" name="OTLSHAPE_SLT_dd90907b5e8b4a3db6fda9304f5f9b60_Variance" hidden="1">
            <a:extLst>
              <a:ext uri="{FF2B5EF4-FFF2-40B4-BE49-F238E27FC236}">
                <a16:creationId xmlns:a16="http://schemas.microsoft.com/office/drawing/2014/main" id="{C851344E-BD39-9A5D-DCF7-7CCC9898C372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SLT_dd90907b5e8b4a3db6fda9304f5f9b60_StartDate" hidden="1">
            <a:extLst>
              <a:ext uri="{FF2B5EF4-FFF2-40B4-BE49-F238E27FC236}">
                <a16:creationId xmlns:a16="http://schemas.microsoft.com/office/drawing/2014/main" id="{F09D5EE6-7292-21BA-8456-04A3B658C337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3" name="OTLSHAPE_SLT_dd90907b5e8b4a3db6fda9304f5f9b60_EndDate" hidden="1">
            <a:extLst>
              <a:ext uri="{FF2B5EF4-FFF2-40B4-BE49-F238E27FC236}">
                <a16:creationId xmlns:a16="http://schemas.microsoft.com/office/drawing/2014/main" id="{ECFAD188-1250-0B76-984F-3B04433C6E4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4" name="OTLSHAPE_SLT_dd90907b5e8b4a3db6fda9304f5f9b60_TextPercentage" hidden="1">
            <a:extLst>
              <a:ext uri="{FF2B5EF4-FFF2-40B4-BE49-F238E27FC236}">
                <a16:creationId xmlns:a16="http://schemas.microsoft.com/office/drawing/2014/main" id="{9FCD0FF4-33D8-DA3C-C96B-1A22C0EBC16C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9" name="OTLSHAPE_SLT_f0985be3adb44209a5d1cbaa95789f93_Duration" hidden="1">
            <a:extLst>
              <a:ext uri="{FF2B5EF4-FFF2-40B4-BE49-F238E27FC236}">
                <a16:creationId xmlns:a16="http://schemas.microsoft.com/office/drawing/2014/main" id="{D0E26908-A0AE-CA0F-C0BB-8E3B942C0914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5 days</a:t>
            </a:r>
          </a:p>
        </p:txBody>
      </p:sp>
      <p:sp>
        <p:nvSpPr>
          <p:cNvPr id="490" name="OTLSHAPE_SLT_f0985be3adb44209a5d1cbaa95789f93_Variance" hidden="1">
            <a:extLst>
              <a:ext uri="{FF2B5EF4-FFF2-40B4-BE49-F238E27FC236}">
                <a16:creationId xmlns:a16="http://schemas.microsoft.com/office/drawing/2014/main" id="{FD6A6C47-ABAE-54EC-19A1-30C0B2FD1D4C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1" name="OTLSHAPE_SLT_f0985be3adb44209a5d1cbaa95789f93_StartDate" hidden="1">
            <a:extLst>
              <a:ext uri="{FF2B5EF4-FFF2-40B4-BE49-F238E27FC236}">
                <a16:creationId xmlns:a16="http://schemas.microsoft.com/office/drawing/2014/main" id="{CCE377B4-388F-CD43-E6C6-142C45CCC5DE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2" name="OTLSHAPE_SLT_f0985be3adb44209a5d1cbaa95789f93_EndDate" hidden="1">
            <a:extLst>
              <a:ext uri="{FF2B5EF4-FFF2-40B4-BE49-F238E27FC236}">
                <a16:creationId xmlns:a16="http://schemas.microsoft.com/office/drawing/2014/main" id="{D666F077-0F3F-F30B-1967-D09CF8A600CD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3" name="OTLSHAPE_SLT_f0985be3adb44209a5d1cbaa95789f93_TextPercentage" hidden="1">
            <a:extLst>
              <a:ext uri="{FF2B5EF4-FFF2-40B4-BE49-F238E27FC236}">
                <a16:creationId xmlns:a16="http://schemas.microsoft.com/office/drawing/2014/main" id="{F6F81ED8-810B-3C39-B756-315B4D6B2C5D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6" name="OTLSHAPE_SLT_d45175e9e201438daf375b4a89e16d06_Duration" hidden="1">
            <a:extLst>
              <a:ext uri="{FF2B5EF4-FFF2-40B4-BE49-F238E27FC236}">
                <a16:creationId xmlns:a16="http://schemas.microsoft.com/office/drawing/2014/main" id="{AA7D92F6-C2A0-4D63-B630-3484179047D2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days</a:t>
            </a:r>
          </a:p>
        </p:txBody>
      </p:sp>
      <p:sp>
        <p:nvSpPr>
          <p:cNvPr id="497" name="OTLSHAPE_SLT_d45175e9e201438daf375b4a89e16d06_JoinedDate" hidden="1">
            <a:extLst>
              <a:ext uri="{FF2B5EF4-FFF2-40B4-BE49-F238E27FC236}">
                <a16:creationId xmlns:a16="http://schemas.microsoft.com/office/drawing/2014/main" id="{876AB81F-D3B4-7B7C-5639-71E1D8F9169D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-472048"/>
            <a:ext cx="533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26 - 7/26</a:t>
            </a:r>
          </a:p>
        </p:txBody>
      </p:sp>
      <p:sp>
        <p:nvSpPr>
          <p:cNvPr id="498" name="OTLSHAPE_SLT_d45175e9e201438daf375b4a89e16d06_Variance" hidden="1">
            <a:extLst>
              <a:ext uri="{FF2B5EF4-FFF2-40B4-BE49-F238E27FC236}">
                <a16:creationId xmlns:a16="http://schemas.microsoft.com/office/drawing/2014/main" id="{6730A298-90F8-AF82-5E2C-1BB830246693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9" name="OTLSHAPE_SLT_d45175e9e201438daf375b4a89e16d06_StartDate" hidden="1">
            <a:extLst>
              <a:ext uri="{FF2B5EF4-FFF2-40B4-BE49-F238E27FC236}">
                <a16:creationId xmlns:a16="http://schemas.microsoft.com/office/drawing/2014/main" id="{554E7FD2-B23A-B49F-A706-310472BDF36F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0" name="OTLSHAPE_SLT_d45175e9e201438daf375b4a89e16d06_EndDate" hidden="1">
            <a:extLst>
              <a:ext uri="{FF2B5EF4-FFF2-40B4-BE49-F238E27FC236}">
                <a16:creationId xmlns:a16="http://schemas.microsoft.com/office/drawing/2014/main" id="{FA34EEF4-18D0-84EC-D6A1-A784766A9699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1" name="OTLSHAPE_SLT_d45175e9e201438daf375b4a89e16d06_TextPercentage" hidden="1">
            <a:extLst>
              <a:ext uri="{FF2B5EF4-FFF2-40B4-BE49-F238E27FC236}">
                <a16:creationId xmlns:a16="http://schemas.microsoft.com/office/drawing/2014/main" id="{579968A1-7DCB-C64D-24E4-D3E697616708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4" name="OTLSHAPE_SLT_841822c4302d406fb850d067efc89277_Duration" hidden="1">
            <a:extLst>
              <a:ext uri="{FF2B5EF4-FFF2-40B4-BE49-F238E27FC236}">
                <a16:creationId xmlns:a16="http://schemas.microsoft.com/office/drawing/2014/main" id="{C36685DE-3D06-7AF0-4654-AE8257ACAE9F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9 days</a:t>
            </a:r>
          </a:p>
        </p:txBody>
      </p:sp>
      <p:sp>
        <p:nvSpPr>
          <p:cNvPr id="505" name="OTLSHAPE_SLT_841822c4302d406fb850d067efc89277_JoinedDate" hidden="1">
            <a:extLst>
              <a:ext uri="{FF2B5EF4-FFF2-40B4-BE49-F238E27FC236}">
                <a16:creationId xmlns:a16="http://schemas.microsoft.com/office/drawing/2014/main" id="{2A685DC5-773A-8A97-BC2D-3A5BEC041039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472048"/>
            <a:ext cx="533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/26 - 9/26</a:t>
            </a:r>
          </a:p>
        </p:txBody>
      </p:sp>
      <p:sp>
        <p:nvSpPr>
          <p:cNvPr id="506" name="OTLSHAPE_SLT_841822c4302d406fb850d067efc89277_Variance" hidden="1">
            <a:extLst>
              <a:ext uri="{FF2B5EF4-FFF2-40B4-BE49-F238E27FC236}">
                <a16:creationId xmlns:a16="http://schemas.microsoft.com/office/drawing/2014/main" id="{89386AF0-ABC7-BDEE-3AD7-DC70BC0192E1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7" name="OTLSHAPE_SLT_841822c4302d406fb850d067efc89277_StartDate" hidden="1">
            <a:extLst>
              <a:ext uri="{FF2B5EF4-FFF2-40B4-BE49-F238E27FC236}">
                <a16:creationId xmlns:a16="http://schemas.microsoft.com/office/drawing/2014/main" id="{1B428293-91A8-099C-5FC0-2AE346CCC8BA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8" name="OTLSHAPE_SLT_841822c4302d406fb850d067efc89277_EndDate" hidden="1">
            <a:extLst>
              <a:ext uri="{FF2B5EF4-FFF2-40B4-BE49-F238E27FC236}">
                <a16:creationId xmlns:a16="http://schemas.microsoft.com/office/drawing/2014/main" id="{F69AB0DD-BFB7-B363-F668-95657FB88846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9" name="OTLSHAPE_SLT_841822c4302d406fb850d067efc89277_TextPercentage" hidden="1">
            <a:extLst>
              <a:ext uri="{FF2B5EF4-FFF2-40B4-BE49-F238E27FC236}">
                <a16:creationId xmlns:a16="http://schemas.microsoft.com/office/drawing/2014/main" id="{C9164482-2B39-0C85-6DF7-72799FA97FBE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6" name="OTLSHAPE_SLT_949685e10db24fa5a62e0174bb7dcb1b_Duration" hidden="1">
            <a:extLst>
              <a:ext uri="{FF2B5EF4-FFF2-40B4-BE49-F238E27FC236}">
                <a16:creationId xmlns:a16="http://schemas.microsoft.com/office/drawing/2014/main" id="{61E5EFE7-A709-7CE8-FD36-CDDE3FFEB1DB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 days</a:t>
            </a:r>
          </a:p>
        </p:txBody>
      </p:sp>
      <p:sp>
        <p:nvSpPr>
          <p:cNvPr id="67" name="OTLSHAPE_SLT_949685e10db24fa5a62e0174bb7dcb1b_JoinedDate" hidden="1">
            <a:extLst>
              <a:ext uri="{FF2B5EF4-FFF2-40B4-BE49-F238E27FC236}">
                <a16:creationId xmlns:a16="http://schemas.microsoft.com/office/drawing/2014/main" id="{85DD8962-FEEF-C047-017B-F2C11AE0BA41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-541298"/>
            <a:ext cx="584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/26 - 10/26</a:t>
            </a:r>
          </a:p>
        </p:txBody>
      </p:sp>
      <p:sp>
        <p:nvSpPr>
          <p:cNvPr id="68" name="OTLSHAPE_SLT_949685e10db24fa5a62e0174bb7dcb1b_Variance" hidden="1">
            <a:extLst>
              <a:ext uri="{FF2B5EF4-FFF2-40B4-BE49-F238E27FC236}">
                <a16:creationId xmlns:a16="http://schemas.microsoft.com/office/drawing/2014/main" id="{2BDD4D60-71EA-1D56-FD5F-A54C367D028D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9" name="OTLSHAPE_SLT_949685e10db24fa5a62e0174bb7dcb1b_StartDate" hidden="1">
            <a:extLst>
              <a:ext uri="{FF2B5EF4-FFF2-40B4-BE49-F238E27FC236}">
                <a16:creationId xmlns:a16="http://schemas.microsoft.com/office/drawing/2014/main" id="{36B9F8FE-8EFB-ADFF-E1F7-56E40AEFA3BF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" name="OTLSHAPE_SLT_949685e10db24fa5a62e0174bb7dcb1b_EndDate" hidden="1">
            <a:extLst>
              <a:ext uri="{FF2B5EF4-FFF2-40B4-BE49-F238E27FC236}">
                <a16:creationId xmlns:a16="http://schemas.microsoft.com/office/drawing/2014/main" id="{C5960377-B547-D409-4BE5-01341018B1F1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2" name="OTLSHAPE_SLT_949685e10db24fa5a62e0174bb7dcb1b_TextPercentage" hidden="1">
            <a:extLst>
              <a:ext uri="{FF2B5EF4-FFF2-40B4-BE49-F238E27FC236}">
                <a16:creationId xmlns:a16="http://schemas.microsoft.com/office/drawing/2014/main" id="{F002A93B-B65E-F0CB-9564-87824B468D41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5" name="OTLSHAPE_SLT_e261ed7f87ff461d96c5c7774646c04c_Duration" hidden="1">
            <a:extLst>
              <a:ext uri="{FF2B5EF4-FFF2-40B4-BE49-F238E27FC236}">
                <a16:creationId xmlns:a16="http://schemas.microsoft.com/office/drawing/2014/main" id="{A86AA056-CB4B-A9FC-045D-4A9C0973E220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 days</a:t>
            </a:r>
          </a:p>
        </p:txBody>
      </p:sp>
      <p:sp>
        <p:nvSpPr>
          <p:cNvPr id="76" name="OTLSHAPE_SLT_e261ed7f87ff461d96c5c7774646c04c_JoinedDate" hidden="1">
            <a:extLst>
              <a:ext uri="{FF2B5EF4-FFF2-40B4-BE49-F238E27FC236}">
                <a16:creationId xmlns:a16="http://schemas.microsoft.com/office/drawing/2014/main" id="{68E53D36-07B2-98E1-884F-83ED57D3B216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-541298"/>
            <a:ext cx="584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/26 - 10/26</a:t>
            </a:r>
          </a:p>
        </p:txBody>
      </p:sp>
      <p:sp>
        <p:nvSpPr>
          <p:cNvPr id="77" name="OTLSHAPE_SLT_e261ed7f87ff461d96c5c7774646c04c_Variance" hidden="1">
            <a:extLst>
              <a:ext uri="{FF2B5EF4-FFF2-40B4-BE49-F238E27FC236}">
                <a16:creationId xmlns:a16="http://schemas.microsoft.com/office/drawing/2014/main" id="{0ED8358C-7CCA-6673-FDE4-3A1EAC93D087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8" name="OTLSHAPE_SLT_e261ed7f87ff461d96c5c7774646c04c_StartDate" hidden="1">
            <a:extLst>
              <a:ext uri="{FF2B5EF4-FFF2-40B4-BE49-F238E27FC236}">
                <a16:creationId xmlns:a16="http://schemas.microsoft.com/office/drawing/2014/main" id="{B254B2C3-5A6E-7287-1B5C-D6A5DAC320BA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OTLSHAPE_SLT_e261ed7f87ff461d96c5c7774646c04c_EndDate" hidden="1">
            <a:extLst>
              <a:ext uri="{FF2B5EF4-FFF2-40B4-BE49-F238E27FC236}">
                <a16:creationId xmlns:a16="http://schemas.microsoft.com/office/drawing/2014/main" id="{47DBEA27-A027-EBA3-BFD1-3FFB2D3A991B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0" name="OTLSHAPE_SLT_e261ed7f87ff461d96c5c7774646c04c_TextPercentage" hidden="1">
            <a:extLst>
              <a:ext uri="{FF2B5EF4-FFF2-40B4-BE49-F238E27FC236}">
                <a16:creationId xmlns:a16="http://schemas.microsoft.com/office/drawing/2014/main" id="{6D43B7BD-9E58-CB76-A073-61A06788E020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1" name="OTLSHAPE_SLM_ee5c17aa0c384f8ca7915edbd0d48a68_Variance" hidden="1">
            <a:extLst>
              <a:ext uri="{FF2B5EF4-FFF2-40B4-BE49-F238E27FC236}">
                <a16:creationId xmlns:a16="http://schemas.microsoft.com/office/drawing/2014/main" id="{53CF7475-954A-8E05-07A6-740C35C45B87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85" name="OTLSHAPE_SLT_ddd3069fe73b4349b9434e6c48f0169c_Duration" hidden="1">
            <a:extLst>
              <a:ext uri="{FF2B5EF4-FFF2-40B4-BE49-F238E27FC236}">
                <a16:creationId xmlns:a16="http://schemas.microsoft.com/office/drawing/2014/main" id="{7A16F064-DCBE-0D6D-6F56-B5E776483F47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4 days</a:t>
            </a:r>
          </a:p>
        </p:txBody>
      </p:sp>
      <p:sp>
        <p:nvSpPr>
          <p:cNvPr id="86" name="OTLSHAPE_SLT_ddd3069fe73b4349b9434e6c48f0169c_Variance" hidden="1">
            <a:extLst>
              <a:ext uri="{FF2B5EF4-FFF2-40B4-BE49-F238E27FC236}">
                <a16:creationId xmlns:a16="http://schemas.microsoft.com/office/drawing/2014/main" id="{2D905E7E-C6FF-DCBF-2ECF-D8D7BB40E75A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7" name="OTLSHAPE_SLT_ddd3069fe73b4349b9434e6c48f0169c_StartDate" hidden="1">
            <a:extLst>
              <a:ext uri="{FF2B5EF4-FFF2-40B4-BE49-F238E27FC236}">
                <a16:creationId xmlns:a16="http://schemas.microsoft.com/office/drawing/2014/main" id="{81FAFE11-BAB5-68BC-43F7-1493416B0878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SLT_ddd3069fe73b4349b9434e6c48f0169c_EndDate" hidden="1">
            <a:extLst>
              <a:ext uri="{FF2B5EF4-FFF2-40B4-BE49-F238E27FC236}">
                <a16:creationId xmlns:a16="http://schemas.microsoft.com/office/drawing/2014/main" id="{4625BF66-7EDC-2CDE-9632-59165FD06ECC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9" name="OTLSHAPE_SLT_ddd3069fe73b4349b9434e6c48f0169c_TextPercentage" hidden="1">
            <a:extLst>
              <a:ext uri="{FF2B5EF4-FFF2-40B4-BE49-F238E27FC236}">
                <a16:creationId xmlns:a16="http://schemas.microsoft.com/office/drawing/2014/main" id="{8045842B-8DD7-F65C-166E-A45DF27D0087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" name="OTLSHAPE_SLT_10599d9045f34a92a1419c20ceeb5ac9_Duration" hidden="1">
            <a:extLst>
              <a:ext uri="{FF2B5EF4-FFF2-40B4-BE49-F238E27FC236}">
                <a16:creationId xmlns:a16="http://schemas.microsoft.com/office/drawing/2014/main" id="{4B91C36B-35EF-6142-78D7-56EDD1E9253C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 days</a:t>
            </a:r>
          </a:p>
        </p:txBody>
      </p:sp>
      <p:sp>
        <p:nvSpPr>
          <p:cNvPr id="93" name="OTLSHAPE_SLT_10599d9045f34a92a1419c20ceeb5ac9_JoinedDate" hidden="1">
            <a:extLst>
              <a:ext uri="{FF2B5EF4-FFF2-40B4-BE49-F238E27FC236}">
                <a16:creationId xmlns:a16="http://schemas.microsoft.com/office/drawing/2014/main" id="{EA776458-202D-F9EC-F493-63FF77783977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12700" y="-610547"/>
            <a:ext cx="647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/26 - 11/26</a:t>
            </a:r>
          </a:p>
        </p:txBody>
      </p:sp>
      <p:sp>
        <p:nvSpPr>
          <p:cNvPr id="94" name="OTLSHAPE_SLT_10599d9045f34a92a1419c20ceeb5ac9_Variance" hidden="1">
            <a:extLst>
              <a:ext uri="{FF2B5EF4-FFF2-40B4-BE49-F238E27FC236}">
                <a16:creationId xmlns:a16="http://schemas.microsoft.com/office/drawing/2014/main" id="{389E0BE3-C1DC-1020-AE60-7FEF7069E409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5" name="OTLSHAPE_SLT_10599d9045f34a92a1419c20ceeb5ac9_StartDate" hidden="1">
            <a:extLst>
              <a:ext uri="{FF2B5EF4-FFF2-40B4-BE49-F238E27FC236}">
                <a16:creationId xmlns:a16="http://schemas.microsoft.com/office/drawing/2014/main" id="{07ED9030-D5E1-F58F-8F5B-8CA3FF854B56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" name="OTLSHAPE_SLT_10599d9045f34a92a1419c20ceeb5ac9_EndDate" hidden="1">
            <a:extLst>
              <a:ext uri="{FF2B5EF4-FFF2-40B4-BE49-F238E27FC236}">
                <a16:creationId xmlns:a16="http://schemas.microsoft.com/office/drawing/2014/main" id="{7D96AA52-3107-F535-3730-0BC5FC1A6592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8" name="OTLSHAPE_SLT_10599d9045f34a92a1419c20ceeb5ac9_TextPercentage" hidden="1">
            <a:extLst>
              <a:ext uri="{FF2B5EF4-FFF2-40B4-BE49-F238E27FC236}">
                <a16:creationId xmlns:a16="http://schemas.microsoft.com/office/drawing/2014/main" id="{6941C0DB-2F07-A4E2-D170-58968C87C4B5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1" name="OTLSHAPE_SLT_f4fd6fab770f4172a5c3da835f158a3c_Duration" hidden="1">
            <a:extLst>
              <a:ext uri="{FF2B5EF4-FFF2-40B4-BE49-F238E27FC236}">
                <a16:creationId xmlns:a16="http://schemas.microsoft.com/office/drawing/2014/main" id="{4CE0F64E-F214-76F7-ECAA-38283ED17847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102" name="OTLSHAPE_SLT_f4fd6fab770f4172a5c3da835f158a3c_JoinedDate" hidden="1">
            <a:extLst>
              <a:ext uri="{FF2B5EF4-FFF2-40B4-BE49-F238E27FC236}">
                <a16:creationId xmlns:a16="http://schemas.microsoft.com/office/drawing/2014/main" id="{CF618A17-F477-429E-DF71-DCDAE777A9F0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12700" y="-610547"/>
            <a:ext cx="647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/26 - 11/26</a:t>
            </a:r>
          </a:p>
        </p:txBody>
      </p:sp>
      <p:sp>
        <p:nvSpPr>
          <p:cNvPr id="103" name="OTLSHAPE_SLT_f4fd6fab770f4172a5c3da835f158a3c_Variance" hidden="1">
            <a:extLst>
              <a:ext uri="{FF2B5EF4-FFF2-40B4-BE49-F238E27FC236}">
                <a16:creationId xmlns:a16="http://schemas.microsoft.com/office/drawing/2014/main" id="{DCA80C34-BBFC-433A-2056-DF5ECB93C207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5" name="OTLSHAPE_SLT_f4fd6fab770f4172a5c3da835f158a3c_StartDate" hidden="1">
            <a:extLst>
              <a:ext uri="{FF2B5EF4-FFF2-40B4-BE49-F238E27FC236}">
                <a16:creationId xmlns:a16="http://schemas.microsoft.com/office/drawing/2014/main" id="{B828DAEB-FDF0-AF19-AFCB-8ADD273867D8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" name="OTLSHAPE_SLT_f4fd6fab770f4172a5c3da835f158a3c_EndDate" hidden="1">
            <a:extLst>
              <a:ext uri="{FF2B5EF4-FFF2-40B4-BE49-F238E27FC236}">
                <a16:creationId xmlns:a16="http://schemas.microsoft.com/office/drawing/2014/main" id="{56242AF2-DEC6-4744-F233-96529FBAE0BF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" name="OTLSHAPE_SLT_f4fd6fab770f4172a5c3da835f158a3c_TextPercentage" hidden="1">
            <a:extLst>
              <a:ext uri="{FF2B5EF4-FFF2-40B4-BE49-F238E27FC236}">
                <a16:creationId xmlns:a16="http://schemas.microsoft.com/office/drawing/2014/main" id="{4BD48102-03D4-D29A-F995-51CC1358A679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SLT_6a3a0e9b60be4c218555919014e7f823_Duration" hidden="1">
            <a:extLst>
              <a:ext uri="{FF2B5EF4-FFF2-40B4-BE49-F238E27FC236}">
                <a16:creationId xmlns:a16="http://schemas.microsoft.com/office/drawing/2014/main" id="{91DFE3D1-9D2A-30A9-881B-5F550F079B89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days</a:t>
            </a:r>
          </a:p>
        </p:txBody>
      </p:sp>
      <p:sp>
        <p:nvSpPr>
          <p:cNvPr id="111" name="OTLSHAPE_SLT_6a3a0e9b60be4c218555919014e7f823_JoinedDate" hidden="1">
            <a:extLst>
              <a:ext uri="{FF2B5EF4-FFF2-40B4-BE49-F238E27FC236}">
                <a16:creationId xmlns:a16="http://schemas.microsoft.com/office/drawing/2014/main" id="{9CE6C588-537B-A7E9-3EAB-315430312A31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12700" y="-610547"/>
            <a:ext cx="647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/26 - 12/26</a:t>
            </a:r>
          </a:p>
        </p:txBody>
      </p:sp>
      <p:sp>
        <p:nvSpPr>
          <p:cNvPr id="116" name="OTLSHAPE_SLT_6a3a0e9b60be4c218555919014e7f823_Variance" hidden="1">
            <a:extLst>
              <a:ext uri="{FF2B5EF4-FFF2-40B4-BE49-F238E27FC236}">
                <a16:creationId xmlns:a16="http://schemas.microsoft.com/office/drawing/2014/main" id="{0AE6A81F-B3E1-93DB-637D-02A9282FF53D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7" name="OTLSHAPE_SLT_6a3a0e9b60be4c218555919014e7f823_StartDate" hidden="1">
            <a:extLst>
              <a:ext uri="{FF2B5EF4-FFF2-40B4-BE49-F238E27FC236}">
                <a16:creationId xmlns:a16="http://schemas.microsoft.com/office/drawing/2014/main" id="{D401730D-B24B-9DF2-8C09-C3AD4D946ACE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8" name="OTLSHAPE_SLT_6a3a0e9b60be4c218555919014e7f823_EndDate" hidden="1">
            <a:extLst>
              <a:ext uri="{FF2B5EF4-FFF2-40B4-BE49-F238E27FC236}">
                <a16:creationId xmlns:a16="http://schemas.microsoft.com/office/drawing/2014/main" id="{8AB906F7-9E7A-6131-C023-93BF48572D8A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9" name="OTLSHAPE_SLT_6a3a0e9b60be4c218555919014e7f823_TextPercentage" hidden="1">
            <a:extLst>
              <a:ext uri="{FF2B5EF4-FFF2-40B4-BE49-F238E27FC236}">
                <a16:creationId xmlns:a16="http://schemas.microsoft.com/office/drawing/2014/main" id="{472CF493-390D-F680-3BFC-0C84AD496F00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OTLSHAPE_SLT_26571ef92b3f479e9e0bb5ad77378bad_Duration" hidden="1">
            <a:extLst>
              <a:ext uri="{FF2B5EF4-FFF2-40B4-BE49-F238E27FC236}">
                <a16:creationId xmlns:a16="http://schemas.microsoft.com/office/drawing/2014/main" id="{D0D45ECF-4246-FE06-98B7-2E34570903AB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125" name="OTLSHAPE_SLT_26571ef92b3f479e9e0bb5ad77378bad_JoinedDate" hidden="1">
            <a:extLst>
              <a:ext uri="{FF2B5EF4-FFF2-40B4-BE49-F238E27FC236}">
                <a16:creationId xmlns:a16="http://schemas.microsoft.com/office/drawing/2014/main" id="{07265606-61FF-C5B5-22EF-8D52582635DD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" y="-610547"/>
            <a:ext cx="647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/26 - 12/26</a:t>
            </a:r>
          </a:p>
        </p:txBody>
      </p:sp>
      <p:sp>
        <p:nvSpPr>
          <p:cNvPr id="126" name="OTLSHAPE_SLT_26571ef92b3f479e9e0bb5ad77378bad_Variance" hidden="1">
            <a:extLst>
              <a:ext uri="{FF2B5EF4-FFF2-40B4-BE49-F238E27FC236}">
                <a16:creationId xmlns:a16="http://schemas.microsoft.com/office/drawing/2014/main" id="{294EE27E-2723-45B5-AA21-F1DED86B3FED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7" name="OTLSHAPE_SLT_26571ef92b3f479e9e0bb5ad77378bad_StartDate" hidden="1">
            <a:extLst>
              <a:ext uri="{FF2B5EF4-FFF2-40B4-BE49-F238E27FC236}">
                <a16:creationId xmlns:a16="http://schemas.microsoft.com/office/drawing/2014/main" id="{DFF24A60-4B58-DFB5-D4C0-DC79F1EB39A9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8" name="OTLSHAPE_SLT_26571ef92b3f479e9e0bb5ad77378bad_EndDate" hidden="1">
            <a:extLst>
              <a:ext uri="{FF2B5EF4-FFF2-40B4-BE49-F238E27FC236}">
                <a16:creationId xmlns:a16="http://schemas.microsoft.com/office/drawing/2014/main" id="{A26C0CFD-CD1F-0BBF-869B-E6415BA4C589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0" name="OTLSHAPE_SLT_26571ef92b3f479e9e0bb5ad77378bad_TextPercentage" hidden="1">
            <a:extLst>
              <a:ext uri="{FF2B5EF4-FFF2-40B4-BE49-F238E27FC236}">
                <a16:creationId xmlns:a16="http://schemas.microsoft.com/office/drawing/2014/main" id="{241FD5A2-848E-F150-123D-AEB496801163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3" name="OTLSHAPE_SLT_2fd6183d04ea430d87ab0824d3b37358_Duration" hidden="1">
            <a:extLst>
              <a:ext uri="{FF2B5EF4-FFF2-40B4-BE49-F238E27FC236}">
                <a16:creationId xmlns:a16="http://schemas.microsoft.com/office/drawing/2014/main" id="{E7BD858B-E811-981C-6573-85E97DF4777D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days</a:t>
            </a:r>
          </a:p>
        </p:txBody>
      </p:sp>
      <p:sp>
        <p:nvSpPr>
          <p:cNvPr id="134" name="OTLSHAPE_SLT_2fd6183d04ea430d87ab0824d3b37358_JoinedDate" hidden="1">
            <a:extLst>
              <a:ext uri="{FF2B5EF4-FFF2-40B4-BE49-F238E27FC236}">
                <a16:creationId xmlns:a16="http://schemas.microsoft.com/office/drawing/2014/main" id="{58A3E30C-5862-2F19-10C3-6BB100C3C759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12700" y="-541298"/>
            <a:ext cx="584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/26 - 1/27</a:t>
            </a:r>
          </a:p>
        </p:txBody>
      </p:sp>
      <p:sp>
        <p:nvSpPr>
          <p:cNvPr id="135" name="OTLSHAPE_SLT_2fd6183d04ea430d87ab0824d3b37358_Variance" hidden="1">
            <a:extLst>
              <a:ext uri="{FF2B5EF4-FFF2-40B4-BE49-F238E27FC236}">
                <a16:creationId xmlns:a16="http://schemas.microsoft.com/office/drawing/2014/main" id="{589D88C5-1815-9D29-2D6F-4A6A6715C72E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6" name="OTLSHAPE_SLT_2fd6183d04ea430d87ab0824d3b37358_StartDate" hidden="1">
            <a:extLst>
              <a:ext uri="{FF2B5EF4-FFF2-40B4-BE49-F238E27FC236}">
                <a16:creationId xmlns:a16="http://schemas.microsoft.com/office/drawing/2014/main" id="{45B9BFC8-41F2-DDA4-E597-F9469E3A2631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8" name="OTLSHAPE_SLT_2fd6183d04ea430d87ab0824d3b37358_EndDate" hidden="1">
            <a:extLst>
              <a:ext uri="{FF2B5EF4-FFF2-40B4-BE49-F238E27FC236}">
                <a16:creationId xmlns:a16="http://schemas.microsoft.com/office/drawing/2014/main" id="{603CECE3-B30B-7C71-7531-AA82BA759DA5}"/>
              </a:ext>
            </a:extLst>
          </p:cNvPr>
          <p:cNvSpPr txBox="1"/>
          <p:nvPr>
            <p:custDataLst>
              <p:tags r:id="rId27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9" name="OTLSHAPE_SLT_2fd6183d04ea430d87ab0824d3b37358_TextPercentage" hidden="1">
            <a:extLst>
              <a:ext uri="{FF2B5EF4-FFF2-40B4-BE49-F238E27FC236}">
                <a16:creationId xmlns:a16="http://schemas.microsoft.com/office/drawing/2014/main" id="{57DA5958-A1CB-4F71-2BAC-66904D9BFC1F}"/>
              </a:ext>
            </a:extLst>
          </p:cNvPr>
          <p:cNvSpPr txBox="1"/>
          <p:nvPr>
            <p:custDataLst>
              <p:tags r:id="rId2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2" name="OTLSHAPE_SLT_b90a8ea18ad540fe9cbd1a4aa4027717_Duration" hidden="1">
            <a:extLst>
              <a:ext uri="{FF2B5EF4-FFF2-40B4-BE49-F238E27FC236}">
                <a16:creationId xmlns:a16="http://schemas.microsoft.com/office/drawing/2014/main" id="{68999A33-F9D0-9B1E-CBF4-5135F27C5FA5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 days</a:t>
            </a:r>
          </a:p>
        </p:txBody>
      </p:sp>
      <p:sp>
        <p:nvSpPr>
          <p:cNvPr id="143" name="OTLSHAPE_SLT_b90a8ea18ad540fe9cbd1a4aa4027717_Variance" hidden="1">
            <a:extLst>
              <a:ext uri="{FF2B5EF4-FFF2-40B4-BE49-F238E27FC236}">
                <a16:creationId xmlns:a16="http://schemas.microsoft.com/office/drawing/2014/main" id="{6626DD37-D3AC-7E62-DAE6-A2C77F13F035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4" name="OTLSHAPE_SLT_b90a8ea18ad540fe9cbd1a4aa4027717_StartDate" hidden="1">
            <a:extLst>
              <a:ext uri="{FF2B5EF4-FFF2-40B4-BE49-F238E27FC236}">
                <a16:creationId xmlns:a16="http://schemas.microsoft.com/office/drawing/2014/main" id="{172ABA0E-7CB1-E515-6A7E-23C7525ADD50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6" name="OTLSHAPE_SLT_b90a8ea18ad540fe9cbd1a4aa4027717_EndDate" hidden="1">
            <a:extLst>
              <a:ext uri="{FF2B5EF4-FFF2-40B4-BE49-F238E27FC236}">
                <a16:creationId xmlns:a16="http://schemas.microsoft.com/office/drawing/2014/main" id="{588289E3-82B9-08B0-8C9D-35B4505C8A21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4651F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8" name="OTLSHAPE_SLT_b90a8ea18ad540fe9cbd1a4aa4027717_TextPercentage" hidden="1">
            <a:extLst>
              <a:ext uri="{FF2B5EF4-FFF2-40B4-BE49-F238E27FC236}">
                <a16:creationId xmlns:a16="http://schemas.microsoft.com/office/drawing/2014/main" id="{32B36926-DF1B-2BA6-3882-90827B9F4089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9283130E-0896-C4C7-8E6B-F9BD04D23AC0}"/>
              </a:ext>
            </a:extLst>
          </p:cNvPr>
          <p:cNvCxnSpPr/>
          <p:nvPr>
            <p:custDataLst>
              <p:tags r:id="rId281"/>
            </p:custDataLst>
          </p:nvPr>
        </p:nvCxnSpPr>
        <p:spPr>
          <a:xfrm>
            <a:off x="8984977" y="1133761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B_00000000000000000000000000000000_MiddleSeparator1">
            <a:extLst>
              <a:ext uri="{FF2B5EF4-FFF2-40B4-BE49-F238E27FC236}">
                <a16:creationId xmlns:a16="http://schemas.microsoft.com/office/drawing/2014/main" id="{9A9806A0-DB64-E7BE-A2D5-522B0429FA7A}"/>
              </a:ext>
            </a:extLst>
          </p:cNvPr>
          <p:cNvCxnSpPr/>
          <p:nvPr>
            <p:custDataLst>
              <p:tags r:id="rId282"/>
            </p:custDataLst>
          </p:nvPr>
        </p:nvCxnSpPr>
        <p:spPr>
          <a:xfrm>
            <a:off x="2761035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MiddleSeparator2">
            <a:extLst>
              <a:ext uri="{FF2B5EF4-FFF2-40B4-BE49-F238E27FC236}">
                <a16:creationId xmlns:a16="http://schemas.microsoft.com/office/drawing/2014/main" id="{8079C0E8-5374-A789-E5EB-3C7774E5670B}"/>
              </a:ext>
            </a:extLst>
          </p:cNvPr>
          <p:cNvCxnSpPr/>
          <p:nvPr>
            <p:custDataLst>
              <p:tags r:id="rId283"/>
            </p:custDataLst>
          </p:nvPr>
        </p:nvCxnSpPr>
        <p:spPr>
          <a:xfrm>
            <a:off x="3548554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B_00000000000000000000000000000000_MiddleSeparator3">
            <a:extLst>
              <a:ext uri="{FF2B5EF4-FFF2-40B4-BE49-F238E27FC236}">
                <a16:creationId xmlns:a16="http://schemas.microsoft.com/office/drawing/2014/main" id="{91ADA2AF-B04C-8115-487A-1670CF7C9EAC}"/>
              </a:ext>
            </a:extLst>
          </p:cNvPr>
          <p:cNvCxnSpPr/>
          <p:nvPr>
            <p:custDataLst>
              <p:tags r:id="rId284"/>
            </p:custDataLst>
          </p:nvPr>
        </p:nvCxnSpPr>
        <p:spPr>
          <a:xfrm>
            <a:off x="4310669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B_00000000000000000000000000000000_MiddleSeparator4">
            <a:extLst>
              <a:ext uri="{FF2B5EF4-FFF2-40B4-BE49-F238E27FC236}">
                <a16:creationId xmlns:a16="http://schemas.microsoft.com/office/drawing/2014/main" id="{0BE02DBE-0D4A-D5C0-2A4E-C5E4C06FFD1B}"/>
              </a:ext>
            </a:extLst>
          </p:cNvPr>
          <p:cNvCxnSpPr/>
          <p:nvPr>
            <p:custDataLst>
              <p:tags r:id="rId285"/>
            </p:custDataLst>
          </p:nvPr>
        </p:nvCxnSpPr>
        <p:spPr>
          <a:xfrm>
            <a:off x="5098188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B_00000000000000000000000000000000_MiddleSeparator5">
            <a:extLst>
              <a:ext uri="{FF2B5EF4-FFF2-40B4-BE49-F238E27FC236}">
                <a16:creationId xmlns:a16="http://schemas.microsoft.com/office/drawing/2014/main" id="{948A495C-F09C-D14B-66A7-C5CD8AEC3894}"/>
              </a:ext>
            </a:extLst>
          </p:cNvPr>
          <p:cNvCxnSpPr/>
          <p:nvPr>
            <p:custDataLst>
              <p:tags r:id="rId286"/>
            </p:custDataLst>
          </p:nvPr>
        </p:nvCxnSpPr>
        <p:spPr>
          <a:xfrm>
            <a:off x="5885708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B_00000000000000000000000000000000_MiddleSeparator6">
            <a:extLst>
              <a:ext uri="{FF2B5EF4-FFF2-40B4-BE49-F238E27FC236}">
                <a16:creationId xmlns:a16="http://schemas.microsoft.com/office/drawing/2014/main" id="{D5CF0210-6F06-435E-75B7-4C63044CD093}"/>
              </a:ext>
            </a:extLst>
          </p:cNvPr>
          <p:cNvCxnSpPr/>
          <p:nvPr>
            <p:custDataLst>
              <p:tags r:id="rId287"/>
            </p:custDataLst>
          </p:nvPr>
        </p:nvCxnSpPr>
        <p:spPr>
          <a:xfrm>
            <a:off x="6647823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B_00000000000000000000000000000000_MiddleSeparator7">
            <a:extLst>
              <a:ext uri="{FF2B5EF4-FFF2-40B4-BE49-F238E27FC236}">
                <a16:creationId xmlns:a16="http://schemas.microsoft.com/office/drawing/2014/main" id="{897057B1-A075-4336-8D8C-E18A8AF57063}"/>
              </a:ext>
            </a:extLst>
          </p:cNvPr>
          <p:cNvCxnSpPr/>
          <p:nvPr>
            <p:custDataLst>
              <p:tags r:id="rId288"/>
            </p:custDataLst>
          </p:nvPr>
        </p:nvCxnSpPr>
        <p:spPr>
          <a:xfrm>
            <a:off x="7435342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B_00000000000000000000000000000000_MiddleSeparator8">
            <a:extLst>
              <a:ext uri="{FF2B5EF4-FFF2-40B4-BE49-F238E27FC236}">
                <a16:creationId xmlns:a16="http://schemas.microsoft.com/office/drawing/2014/main" id="{C7BC1814-2BA1-A2DA-234B-E4D470199398}"/>
              </a:ext>
            </a:extLst>
          </p:cNvPr>
          <p:cNvCxnSpPr/>
          <p:nvPr>
            <p:custDataLst>
              <p:tags r:id="rId289"/>
            </p:custDataLst>
          </p:nvPr>
        </p:nvCxnSpPr>
        <p:spPr>
          <a:xfrm>
            <a:off x="8197458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TB_00000000000000000000000000000000_MiddleSeparator9">
            <a:extLst>
              <a:ext uri="{FF2B5EF4-FFF2-40B4-BE49-F238E27FC236}">
                <a16:creationId xmlns:a16="http://schemas.microsoft.com/office/drawing/2014/main" id="{3A41B797-F965-E4D0-BA10-E6B9A661D456}"/>
              </a:ext>
            </a:extLst>
          </p:cNvPr>
          <p:cNvCxnSpPr/>
          <p:nvPr>
            <p:custDataLst>
              <p:tags r:id="rId290"/>
            </p:custDataLst>
          </p:nvPr>
        </p:nvCxnSpPr>
        <p:spPr>
          <a:xfrm>
            <a:off x="8984977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B_00000000000000000000000000000000_MiddleSeparator10">
            <a:extLst>
              <a:ext uri="{FF2B5EF4-FFF2-40B4-BE49-F238E27FC236}">
                <a16:creationId xmlns:a16="http://schemas.microsoft.com/office/drawing/2014/main" id="{033C67A1-F177-EFF5-CC6C-86B959F9AEF7}"/>
              </a:ext>
            </a:extLst>
          </p:cNvPr>
          <p:cNvCxnSpPr/>
          <p:nvPr>
            <p:custDataLst>
              <p:tags r:id="rId291"/>
            </p:custDataLst>
          </p:nvPr>
        </p:nvCxnSpPr>
        <p:spPr>
          <a:xfrm>
            <a:off x="9772497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OTLSHAPE_TB_00000000000000000000000000000000_MiddleSeparator11">
            <a:extLst>
              <a:ext uri="{FF2B5EF4-FFF2-40B4-BE49-F238E27FC236}">
                <a16:creationId xmlns:a16="http://schemas.microsoft.com/office/drawing/2014/main" id="{B06A0205-72E3-6776-A88A-25B923A8A353}"/>
              </a:ext>
            </a:extLst>
          </p:cNvPr>
          <p:cNvCxnSpPr/>
          <p:nvPr>
            <p:custDataLst>
              <p:tags r:id="rId292"/>
            </p:custDataLst>
          </p:nvPr>
        </p:nvCxnSpPr>
        <p:spPr>
          <a:xfrm>
            <a:off x="10483804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TB_00000000000000000000000000000000_MiddleSeparator12">
            <a:extLst>
              <a:ext uri="{FF2B5EF4-FFF2-40B4-BE49-F238E27FC236}">
                <a16:creationId xmlns:a16="http://schemas.microsoft.com/office/drawing/2014/main" id="{3D8DCA43-D915-54E1-D804-CE48C6E1A625}"/>
              </a:ext>
            </a:extLst>
          </p:cNvPr>
          <p:cNvCxnSpPr/>
          <p:nvPr>
            <p:custDataLst>
              <p:tags r:id="rId293"/>
            </p:custDataLst>
          </p:nvPr>
        </p:nvCxnSpPr>
        <p:spPr>
          <a:xfrm>
            <a:off x="11271323" y="1325785"/>
            <a:ext cx="0" cy="146304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B_00000000000000000000000000000000_BottomSeparator1">
            <a:extLst>
              <a:ext uri="{FF2B5EF4-FFF2-40B4-BE49-F238E27FC236}">
                <a16:creationId xmlns:a16="http://schemas.microsoft.com/office/drawing/2014/main" id="{BC159CF3-A91D-0F88-F27B-33C6925C5D89}"/>
              </a:ext>
            </a:extLst>
          </p:cNvPr>
          <p:cNvCxnSpPr/>
          <p:nvPr>
            <p:custDataLst>
              <p:tags r:id="rId294"/>
            </p:custDataLst>
          </p:nvPr>
        </p:nvCxnSpPr>
        <p:spPr>
          <a:xfrm>
            <a:off x="2456188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BottomSeparator2">
            <a:extLst>
              <a:ext uri="{FF2B5EF4-FFF2-40B4-BE49-F238E27FC236}">
                <a16:creationId xmlns:a16="http://schemas.microsoft.com/office/drawing/2014/main" id="{15F279CA-9988-85F5-109F-C4F89A3F326E}"/>
              </a:ext>
            </a:extLst>
          </p:cNvPr>
          <p:cNvCxnSpPr/>
          <p:nvPr>
            <p:custDataLst>
              <p:tags r:id="rId295"/>
            </p:custDataLst>
          </p:nvPr>
        </p:nvCxnSpPr>
        <p:spPr>
          <a:xfrm>
            <a:off x="2811842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BottomSeparator3">
            <a:extLst>
              <a:ext uri="{FF2B5EF4-FFF2-40B4-BE49-F238E27FC236}">
                <a16:creationId xmlns:a16="http://schemas.microsoft.com/office/drawing/2014/main" id="{2F13D13B-E8DA-7D82-AD8D-3FFA61A5D9B8}"/>
              </a:ext>
            </a:extLst>
          </p:cNvPr>
          <p:cNvCxnSpPr/>
          <p:nvPr>
            <p:custDataLst>
              <p:tags r:id="rId296"/>
            </p:custDataLst>
          </p:nvPr>
        </p:nvCxnSpPr>
        <p:spPr>
          <a:xfrm>
            <a:off x="3167496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B_00000000000000000000000000000000_BottomSeparator4">
            <a:extLst>
              <a:ext uri="{FF2B5EF4-FFF2-40B4-BE49-F238E27FC236}">
                <a16:creationId xmlns:a16="http://schemas.microsoft.com/office/drawing/2014/main" id="{D8AC5557-45C7-DAC1-87C7-BB05418094DD}"/>
              </a:ext>
            </a:extLst>
          </p:cNvPr>
          <p:cNvCxnSpPr/>
          <p:nvPr>
            <p:custDataLst>
              <p:tags r:id="rId297"/>
            </p:custDataLst>
          </p:nvPr>
        </p:nvCxnSpPr>
        <p:spPr>
          <a:xfrm>
            <a:off x="3523150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B_00000000000000000000000000000000_BottomSeparator5">
            <a:extLst>
              <a:ext uri="{FF2B5EF4-FFF2-40B4-BE49-F238E27FC236}">
                <a16:creationId xmlns:a16="http://schemas.microsoft.com/office/drawing/2014/main" id="{79EE3AD4-AC53-916B-C932-D3434AD52D33}"/>
              </a:ext>
            </a:extLst>
          </p:cNvPr>
          <p:cNvCxnSpPr/>
          <p:nvPr>
            <p:custDataLst>
              <p:tags r:id="rId298"/>
            </p:custDataLst>
          </p:nvPr>
        </p:nvCxnSpPr>
        <p:spPr>
          <a:xfrm>
            <a:off x="3878804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TB_00000000000000000000000000000000_BottomSeparator6">
            <a:extLst>
              <a:ext uri="{FF2B5EF4-FFF2-40B4-BE49-F238E27FC236}">
                <a16:creationId xmlns:a16="http://schemas.microsoft.com/office/drawing/2014/main" id="{57746627-831D-CFBE-62C0-310DD5929D0B}"/>
              </a:ext>
            </a:extLst>
          </p:cNvPr>
          <p:cNvCxnSpPr/>
          <p:nvPr>
            <p:custDataLst>
              <p:tags r:id="rId299"/>
            </p:custDataLst>
          </p:nvPr>
        </p:nvCxnSpPr>
        <p:spPr>
          <a:xfrm>
            <a:off x="4234457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B_00000000000000000000000000000000_BottomSeparator7">
            <a:extLst>
              <a:ext uri="{FF2B5EF4-FFF2-40B4-BE49-F238E27FC236}">
                <a16:creationId xmlns:a16="http://schemas.microsoft.com/office/drawing/2014/main" id="{CE9CE8E8-A2CE-CFF9-1B20-EEFD215C592A}"/>
              </a:ext>
            </a:extLst>
          </p:cNvPr>
          <p:cNvCxnSpPr/>
          <p:nvPr>
            <p:custDataLst>
              <p:tags r:id="rId300"/>
            </p:custDataLst>
          </p:nvPr>
        </p:nvCxnSpPr>
        <p:spPr>
          <a:xfrm>
            <a:off x="4590111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B_00000000000000000000000000000000_BottomSeparator8">
            <a:extLst>
              <a:ext uri="{FF2B5EF4-FFF2-40B4-BE49-F238E27FC236}">
                <a16:creationId xmlns:a16="http://schemas.microsoft.com/office/drawing/2014/main" id="{C6D79E36-0420-14E8-7404-A16FCBE7FD24}"/>
              </a:ext>
            </a:extLst>
          </p:cNvPr>
          <p:cNvCxnSpPr/>
          <p:nvPr>
            <p:custDataLst>
              <p:tags r:id="rId301"/>
            </p:custDataLst>
          </p:nvPr>
        </p:nvCxnSpPr>
        <p:spPr>
          <a:xfrm>
            <a:off x="4945765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B_00000000000000000000000000000000_BottomSeparator9">
            <a:extLst>
              <a:ext uri="{FF2B5EF4-FFF2-40B4-BE49-F238E27FC236}">
                <a16:creationId xmlns:a16="http://schemas.microsoft.com/office/drawing/2014/main" id="{2E5B4980-57A2-37A7-F44F-5EA9935754D1}"/>
              </a:ext>
            </a:extLst>
          </p:cNvPr>
          <p:cNvCxnSpPr/>
          <p:nvPr>
            <p:custDataLst>
              <p:tags r:id="rId302"/>
            </p:custDataLst>
          </p:nvPr>
        </p:nvCxnSpPr>
        <p:spPr>
          <a:xfrm>
            <a:off x="5301419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B_00000000000000000000000000000000_BottomSeparator10">
            <a:extLst>
              <a:ext uri="{FF2B5EF4-FFF2-40B4-BE49-F238E27FC236}">
                <a16:creationId xmlns:a16="http://schemas.microsoft.com/office/drawing/2014/main" id="{5E5C4786-9B02-F360-519C-48FBBDC20028}"/>
              </a:ext>
            </a:extLst>
          </p:cNvPr>
          <p:cNvCxnSpPr/>
          <p:nvPr>
            <p:custDataLst>
              <p:tags r:id="rId303"/>
            </p:custDataLst>
          </p:nvPr>
        </p:nvCxnSpPr>
        <p:spPr>
          <a:xfrm>
            <a:off x="5657073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B_00000000000000000000000000000000_BottomSeparator11">
            <a:extLst>
              <a:ext uri="{FF2B5EF4-FFF2-40B4-BE49-F238E27FC236}">
                <a16:creationId xmlns:a16="http://schemas.microsoft.com/office/drawing/2014/main" id="{EB468F04-5BB5-BBFD-3265-D1B5DEC084E5}"/>
              </a:ext>
            </a:extLst>
          </p:cNvPr>
          <p:cNvCxnSpPr/>
          <p:nvPr>
            <p:custDataLst>
              <p:tags r:id="rId304"/>
            </p:custDataLst>
          </p:nvPr>
        </p:nvCxnSpPr>
        <p:spPr>
          <a:xfrm>
            <a:off x="6012727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B_00000000000000000000000000000000_BottomSeparator12">
            <a:extLst>
              <a:ext uri="{FF2B5EF4-FFF2-40B4-BE49-F238E27FC236}">
                <a16:creationId xmlns:a16="http://schemas.microsoft.com/office/drawing/2014/main" id="{6AA42299-42D4-3D6F-DC5F-4F9B4FCA02AD}"/>
              </a:ext>
            </a:extLst>
          </p:cNvPr>
          <p:cNvCxnSpPr/>
          <p:nvPr>
            <p:custDataLst>
              <p:tags r:id="rId305"/>
            </p:custDataLst>
          </p:nvPr>
        </p:nvCxnSpPr>
        <p:spPr>
          <a:xfrm>
            <a:off x="6368381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BottomSeparator13">
            <a:extLst>
              <a:ext uri="{FF2B5EF4-FFF2-40B4-BE49-F238E27FC236}">
                <a16:creationId xmlns:a16="http://schemas.microsoft.com/office/drawing/2014/main" id="{C2663B95-BA01-D152-4CAB-625A42AACF80}"/>
              </a:ext>
            </a:extLst>
          </p:cNvPr>
          <p:cNvCxnSpPr/>
          <p:nvPr>
            <p:custDataLst>
              <p:tags r:id="rId306"/>
            </p:custDataLst>
          </p:nvPr>
        </p:nvCxnSpPr>
        <p:spPr>
          <a:xfrm>
            <a:off x="6724035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B_00000000000000000000000000000000_BottomSeparator14">
            <a:extLst>
              <a:ext uri="{FF2B5EF4-FFF2-40B4-BE49-F238E27FC236}">
                <a16:creationId xmlns:a16="http://schemas.microsoft.com/office/drawing/2014/main" id="{06E7CDC9-E0A3-7E82-81E5-395C6A826660}"/>
              </a:ext>
            </a:extLst>
          </p:cNvPr>
          <p:cNvCxnSpPr/>
          <p:nvPr>
            <p:custDataLst>
              <p:tags r:id="rId307"/>
            </p:custDataLst>
          </p:nvPr>
        </p:nvCxnSpPr>
        <p:spPr>
          <a:xfrm>
            <a:off x="7079689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BottomSeparator15">
            <a:extLst>
              <a:ext uri="{FF2B5EF4-FFF2-40B4-BE49-F238E27FC236}">
                <a16:creationId xmlns:a16="http://schemas.microsoft.com/office/drawing/2014/main" id="{86468E86-1947-CDD8-FAF8-D00D595F73E8}"/>
              </a:ext>
            </a:extLst>
          </p:cNvPr>
          <p:cNvCxnSpPr/>
          <p:nvPr>
            <p:custDataLst>
              <p:tags r:id="rId308"/>
            </p:custDataLst>
          </p:nvPr>
        </p:nvCxnSpPr>
        <p:spPr>
          <a:xfrm>
            <a:off x="7435342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B_00000000000000000000000000000000_BottomSeparator16">
            <a:extLst>
              <a:ext uri="{FF2B5EF4-FFF2-40B4-BE49-F238E27FC236}">
                <a16:creationId xmlns:a16="http://schemas.microsoft.com/office/drawing/2014/main" id="{2EC41908-6570-B880-5ACB-BA6B91B1150B}"/>
              </a:ext>
            </a:extLst>
          </p:cNvPr>
          <p:cNvCxnSpPr/>
          <p:nvPr>
            <p:custDataLst>
              <p:tags r:id="rId309"/>
            </p:custDataLst>
          </p:nvPr>
        </p:nvCxnSpPr>
        <p:spPr>
          <a:xfrm>
            <a:off x="7790996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BottomSeparator17">
            <a:extLst>
              <a:ext uri="{FF2B5EF4-FFF2-40B4-BE49-F238E27FC236}">
                <a16:creationId xmlns:a16="http://schemas.microsoft.com/office/drawing/2014/main" id="{B0144DDC-634F-D77C-4405-2CF90730E05A}"/>
              </a:ext>
            </a:extLst>
          </p:cNvPr>
          <p:cNvCxnSpPr/>
          <p:nvPr>
            <p:custDataLst>
              <p:tags r:id="rId310"/>
            </p:custDataLst>
          </p:nvPr>
        </p:nvCxnSpPr>
        <p:spPr>
          <a:xfrm>
            <a:off x="8146650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BottomSeparator18">
            <a:extLst>
              <a:ext uri="{FF2B5EF4-FFF2-40B4-BE49-F238E27FC236}">
                <a16:creationId xmlns:a16="http://schemas.microsoft.com/office/drawing/2014/main" id="{D09FADBA-367F-06B4-53B9-383061E792BE}"/>
              </a:ext>
            </a:extLst>
          </p:cNvPr>
          <p:cNvCxnSpPr/>
          <p:nvPr>
            <p:custDataLst>
              <p:tags r:id="rId311"/>
            </p:custDataLst>
          </p:nvPr>
        </p:nvCxnSpPr>
        <p:spPr>
          <a:xfrm>
            <a:off x="8502304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BottomSeparator19">
            <a:extLst>
              <a:ext uri="{FF2B5EF4-FFF2-40B4-BE49-F238E27FC236}">
                <a16:creationId xmlns:a16="http://schemas.microsoft.com/office/drawing/2014/main" id="{00CE6DB0-50A0-7C4F-27AF-6FC4B77C0A49}"/>
              </a:ext>
            </a:extLst>
          </p:cNvPr>
          <p:cNvCxnSpPr/>
          <p:nvPr>
            <p:custDataLst>
              <p:tags r:id="rId312"/>
            </p:custDataLst>
          </p:nvPr>
        </p:nvCxnSpPr>
        <p:spPr>
          <a:xfrm>
            <a:off x="8857958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TB_00000000000000000000000000000000_BottomSeparator20">
            <a:extLst>
              <a:ext uri="{FF2B5EF4-FFF2-40B4-BE49-F238E27FC236}">
                <a16:creationId xmlns:a16="http://schemas.microsoft.com/office/drawing/2014/main" id="{8DDCE570-D343-710A-F89A-9B41CCB73188}"/>
              </a:ext>
            </a:extLst>
          </p:cNvPr>
          <p:cNvCxnSpPr/>
          <p:nvPr>
            <p:custDataLst>
              <p:tags r:id="rId313"/>
            </p:custDataLst>
          </p:nvPr>
        </p:nvCxnSpPr>
        <p:spPr>
          <a:xfrm>
            <a:off x="9213611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BottomSeparator21">
            <a:extLst>
              <a:ext uri="{FF2B5EF4-FFF2-40B4-BE49-F238E27FC236}">
                <a16:creationId xmlns:a16="http://schemas.microsoft.com/office/drawing/2014/main" id="{27DE6113-B8EE-EEF4-5600-3410CEEAB037}"/>
              </a:ext>
            </a:extLst>
          </p:cNvPr>
          <p:cNvCxnSpPr/>
          <p:nvPr>
            <p:custDataLst>
              <p:tags r:id="rId314"/>
            </p:custDataLst>
          </p:nvPr>
        </p:nvCxnSpPr>
        <p:spPr>
          <a:xfrm>
            <a:off x="9569266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TB_00000000000000000000000000000000_BottomSeparator22">
            <a:extLst>
              <a:ext uri="{FF2B5EF4-FFF2-40B4-BE49-F238E27FC236}">
                <a16:creationId xmlns:a16="http://schemas.microsoft.com/office/drawing/2014/main" id="{58707FF7-1095-F752-8D26-BD51FCB3D3A5}"/>
              </a:ext>
            </a:extLst>
          </p:cNvPr>
          <p:cNvCxnSpPr/>
          <p:nvPr>
            <p:custDataLst>
              <p:tags r:id="rId315"/>
            </p:custDataLst>
          </p:nvPr>
        </p:nvCxnSpPr>
        <p:spPr>
          <a:xfrm>
            <a:off x="9924919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BottomSeparator23">
            <a:extLst>
              <a:ext uri="{FF2B5EF4-FFF2-40B4-BE49-F238E27FC236}">
                <a16:creationId xmlns:a16="http://schemas.microsoft.com/office/drawing/2014/main" id="{D5523FE5-7F6C-FEC1-1C6F-D21972FC2D85}"/>
              </a:ext>
            </a:extLst>
          </p:cNvPr>
          <p:cNvCxnSpPr/>
          <p:nvPr>
            <p:custDataLst>
              <p:tags r:id="rId316"/>
            </p:custDataLst>
          </p:nvPr>
        </p:nvCxnSpPr>
        <p:spPr>
          <a:xfrm>
            <a:off x="10280573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BottomSeparator24">
            <a:extLst>
              <a:ext uri="{FF2B5EF4-FFF2-40B4-BE49-F238E27FC236}">
                <a16:creationId xmlns:a16="http://schemas.microsoft.com/office/drawing/2014/main" id="{BEB5B8E0-5AC2-3A41-E353-9E7371C9589D}"/>
              </a:ext>
            </a:extLst>
          </p:cNvPr>
          <p:cNvCxnSpPr/>
          <p:nvPr>
            <p:custDataLst>
              <p:tags r:id="rId317"/>
            </p:custDataLst>
          </p:nvPr>
        </p:nvCxnSpPr>
        <p:spPr>
          <a:xfrm>
            <a:off x="10636227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BottomSeparator25">
            <a:extLst>
              <a:ext uri="{FF2B5EF4-FFF2-40B4-BE49-F238E27FC236}">
                <a16:creationId xmlns:a16="http://schemas.microsoft.com/office/drawing/2014/main" id="{B8BA8EAC-E1D5-937C-4B27-F1568CFA3228}"/>
              </a:ext>
            </a:extLst>
          </p:cNvPr>
          <p:cNvCxnSpPr/>
          <p:nvPr>
            <p:custDataLst>
              <p:tags r:id="rId318"/>
            </p:custDataLst>
          </p:nvPr>
        </p:nvCxnSpPr>
        <p:spPr>
          <a:xfrm>
            <a:off x="10991881" y="1517809"/>
            <a:ext cx="0" cy="146304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4" name="OTLSHAPE_SLA_2f819b0eefda4c4ab2417886b479374d_Shape">
            <a:extLst>
              <a:ext uri="{FF2B5EF4-FFF2-40B4-BE49-F238E27FC236}">
                <a16:creationId xmlns:a16="http://schemas.microsoft.com/office/drawing/2014/main" id="{C724020A-41E6-73F9-C9F7-539B15E78688}"/>
              </a:ext>
            </a:extLst>
          </p:cNvPr>
          <p:cNvSpPr/>
          <p:nvPr>
            <p:custDataLst>
              <p:tags r:id="rId319"/>
            </p:custDataLst>
          </p:nvPr>
        </p:nvSpPr>
        <p:spPr>
          <a:xfrm>
            <a:off x="2125932" y="2519924"/>
            <a:ext cx="152400" cy="177800"/>
          </a:xfrm>
          <a:prstGeom prst="diamond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2" name="OTLSHAPE_SLA_619551f35a944c9cb2d3eba7e1a477d6_Shape">
            <a:extLst>
              <a:ext uri="{FF2B5EF4-FFF2-40B4-BE49-F238E27FC236}">
                <a16:creationId xmlns:a16="http://schemas.microsoft.com/office/drawing/2014/main" id="{CAB92D2F-019A-AC05-12DE-C7F07A908A42}"/>
              </a:ext>
            </a:extLst>
          </p:cNvPr>
          <p:cNvSpPr/>
          <p:nvPr>
            <p:custDataLst>
              <p:tags r:id="rId320"/>
            </p:custDataLst>
          </p:nvPr>
        </p:nvSpPr>
        <p:spPr>
          <a:xfrm>
            <a:off x="3777183" y="2519924"/>
            <a:ext cx="152400" cy="177800"/>
          </a:xfrm>
          <a:prstGeom prst="diamond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8" name="OTLSHAPE_SLA_bf99cb9a01bc4dafa3f94475c2e34856_Shape">
            <a:extLst>
              <a:ext uri="{FF2B5EF4-FFF2-40B4-BE49-F238E27FC236}">
                <a16:creationId xmlns:a16="http://schemas.microsoft.com/office/drawing/2014/main" id="{646283FF-F7E7-FD6C-AC72-8D8EF1160C0C}"/>
              </a:ext>
            </a:extLst>
          </p:cNvPr>
          <p:cNvSpPr/>
          <p:nvPr>
            <p:custDataLst>
              <p:tags r:id="rId321"/>
            </p:custDataLst>
          </p:nvPr>
        </p:nvSpPr>
        <p:spPr>
          <a:xfrm>
            <a:off x="2684817" y="2519924"/>
            <a:ext cx="152400" cy="177800"/>
          </a:xfrm>
          <a:prstGeom prst="diamond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9" name="OTLSHAPE_SLA_0d55fd54b1674eb3913141cfa195eaa9_Shape">
            <a:extLst>
              <a:ext uri="{FF2B5EF4-FFF2-40B4-BE49-F238E27FC236}">
                <a16:creationId xmlns:a16="http://schemas.microsoft.com/office/drawing/2014/main" id="{E708BA94-7C7B-9390-38B4-1D6C6A08537F}"/>
              </a:ext>
            </a:extLst>
          </p:cNvPr>
          <p:cNvSpPr/>
          <p:nvPr>
            <p:custDataLst>
              <p:tags r:id="rId322"/>
            </p:custDataLst>
          </p:nvPr>
        </p:nvSpPr>
        <p:spPr>
          <a:xfrm>
            <a:off x="2862644" y="1834632"/>
            <a:ext cx="152400" cy="177800"/>
          </a:xfrm>
          <a:prstGeom prst="triangle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9" name="OTLSHAPE_SLA_e1f7b44286244bcab78aef04590f1f28_Shape">
            <a:extLst>
              <a:ext uri="{FF2B5EF4-FFF2-40B4-BE49-F238E27FC236}">
                <a16:creationId xmlns:a16="http://schemas.microsoft.com/office/drawing/2014/main" id="{35A0AB37-892E-DA03-95FB-01D3A491C081}"/>
              </a:ext>
            </a:extLst>
          </p:cNvPr>
          <p:cNvSpPr/>
          <p:nvPr>
            <p:custDataLst>
              <p:tags r:id="rId323"/>
            </p:custDataLst>
          </p:nvPr>
        </p:nvSpPr>
        <p:spPr>
          <a:xfrm>
            <a:off x="6190548" y="3573346"/>
            <a:ext cx="152400" cy="177800"/>
          </a:xfrm>
          <a:prstGeom prst="diamond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4" name="OTLSHAPE_SLA_5f18c49bf40d445289da22642774cfa3_Shape">
            <a:extLst>
              <a:ext uri="{FF2B5EF4-FFF2-40B4-BE49-F238E27FC236}">
                <a16:creationId xmlns:a16="http://schemas.microsoft.com/office/drawing/2014/main" id="{56A1A8B5-E6B3-3DB3-BE87-11CD84B30F7F}"/>
              </a:ext>
            </a:extLst>
          </p:cNvPr>
          <p:cNvSpPr/>
          <p:nvPr>
            <p:custDataLst>
              <p:tags r:id="rId324"/>
            </p:custDataLst>
          </p:nvPr>
        </p:nvSpPr>
        <p:spPr>
          <a:xfrm>
            <a:off x="10077337" y="5952818"/>
            <a:ext cx="152400" cy="177800"/>
          </a:xfrm>
          <a:prstGeom prst="triangle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8" name="OTLSHAPE_SLA_e7f69bfbb4e94013a68ff82f50aaf92e_Shape">
            <a:extLst>
              <a:ext uri="{FF2B5EF4-FFF2-40B4-BE49-F238E27FC236}">
                <a16:creationId xmlns:a16="http://schemas.microsoft.com/office/drawing/2014/main" id="{685E5E19-2D03-7EE0-9EA7-F115FF90F591}"/>
              </a:ext>
            </a:extLst>
          </p:cNvPr>
          <p:cNvSpPr/>
          <p:nvPr>
            <p:custDataLst>
              <p:tags r:id="rId325"/>
            </p:custDataLst>
          </p:nvPr>
        </p:nvSpPr>
        <p:spPr>
          <a:xfrm>
            <a:off x="10788645" y="5952818"/>
            <a:ext cx="152400" cy="177800"/>
          </a:xfrm>
          <a:prstGeom prst="triangle">
            <a:avLst/>
          </a:prstGeom>
          <a:solidFill>
            <a:srgbClr val="4651F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2" name="OTLSHAPE_SLA_2f819b0eefda4c4ab2417886b479374d_Title">
            <a:extLst>
              <a:ext uri="{FF2B5EF4-FFF2-40B4-BE49-F238E27FC236}">
                <a16:creationId xmlns:a16="http://schemas.microsoft.com/office/drawing/2014/main" id="{27D9966C-AF4D-5EC9-88C1-1AD4E9B63B2A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2038345" y="2215462"/>
            <a:ext cx="330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itial budget</a:t>
            </a:r>
          </a:p>
        </p:txBody>
      </p:sp>
      <p:sp>
        <p:nvSpPr>
          <p:cNvPr id="213" name="OTLSHAPE_SLA_2f819b0eefda4c4ab2417886b479374d_Date" hidden="1">
            <a:extLst>
              <a:ext uri="{FF2B5EF4-FFF2-40B4-BE49-F238E27FC236}">
                <a16:creationId xmlns:a16="http://schemas.microsoft.com/office/drawing/2014/main" id="{84B17FD2-DAAA-8663-CBE0-C4798A1AC674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8</a:t>
            </a:r>
          </a:p>
        </p:txBody>
      </p:sp>
      <p:sp>
        <p:nvSpPr>
          <p:cNvPr id="216" name="OTLSHAPE_SLA_2f819b0eefda4c4ab2417886b479374d_Variance" hidden="1">
            <a:extLst>
              <a:ext uri="{FF2B5EF4-FFF2-40B4-BE49-F238E27FC236}">
                <a16:creationId xmlns:a16="http://schemas.microsoft.com/office/drawing/2014/main" id="{E26576FD-F6AC-D277-3236-E97999E7F9DF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12700" y="-525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245" name="OTLSHAPE_SLA_619551f35a944c9cb2d3eba7e1a477d6_Title">
            <a:extLst>
              <a:ext uri="{FF2B5EF4-FFF2-40B4-BE49-F238E27FC236}">
                <a16:creationId xmlns:a16="http://schemas.microsoft.com/office/drawing/2014/main" id="{AD642023-B7E1-B11B-65C9-B7905F1BC479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3474921" y="2215462"/>
            <a:ext cx="7620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munication plan</a:t>
            </a:r>
          </a:p>
        </p:txBody>
      </p:sp>
      <p:sp>
        <p:nvSpPr>
          <p:cNvPr id="296" name="OTLSHAPE_SLA_619551f35a944c9cb2d3eba7e1a477d6_Date" hidden="1">
            <a:extLst>
              <a:ext uri="{FF2B5EF4-FFF2-40B4-BE49-F238E27FC236}">
                <a16:creationId xmlns:a16="http://schemas.microsoft.com/office/drawing/2014/main" id="{83F1A202-9D6F-33F5-A5DC-6A7DA81BB9F7}"/>
              </a:ext>
            </a:extLst>
          </p:cNvPr>
          <p:cNvSpPr txBox="1"/>
          <p:nvPr>
            <p:custDataLst>
              <p:tags r:id="rId33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2</a:t>
            </a:r>
          </a:p>
        </p:txBody>
      </p:sp>
      <p:sp>
        <p:nvSpPr>
          <p:cNvPr id="311" name="OTLSHAPE_SLA_619551f35a944c9cb2d3eba7e1a477d6_Variance" hidden="1">
            <a:extLst>
              <a:ext uri="{FF2B5EF4-FFF2-40B4-BE49-F238E27FC236}">
                <a16:creationId xmlns:a16="http://schemas.microsoft.com/office/drawing/2014/main" id="{C7512F86-BF3D-A2B1-0C3B-3651155BD82F}"/>
              </a:ext>
            </a:extLst>
          </p:cNvPr>
          <p:cNvSpPr txBox="1"/>
          <p:nvPr>
            <p:custDataLst>
              <p:tags r:id="rId331"/>
            </p:custDataLst>
          </p:nvPr>
        </p:nvSpPr>
        <p:spPr>
          <a:xfrm>
            <a:off x="12700" y="-525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313" name="OTLSHAPE_SLA_bf99cb9a01bc4dafa3f94475c2e34856_Title">
            <a:extLst>
              <a:ext uri="{FF2B5EF4-FFF2-40B4-BE49-F238E27FC236}">
                <a16:creationId xmlns:a16="http://schemas.microsoft.com/office/drawing/2014/main" id="{2D05FD31-00FC-4E63-076A-3BDC4D24357E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2493089" y="2215462"/>
            <a:ext cx="546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isk assessment</a:t>
            </a:r>
          </a:p>
        </p:txBody>
      </p:sp>
      <p:sp>
        <p:nvSpPr>
          <p:cNvPr id="314" name="OTLSHAPE_SLA_bf99cb9a01bc4dafa3f94475c2e34856_Date" hidden="1">
            <a:extLst>
              <a:ext uri="{FF2B5EF4-FFF2-40B4-BE49-F238E27FC236}">
                <a16:creationId xmlns:a16="http://schemas.microsoft.com/office/drawing/2014/main" id="{6B8DF4A2-2304-68C6-760A-B3ED33FEF6C3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30</a:t>
            </a:r>
          </a:p>
        </p:txBody>
      </p:sp>
      <p:sp>
        <p:nvSpPr>
          <p:cNvPr id="316" name="OTLSHAPE_SLA_bf99cb9a01bc4dafa3f94475c2e34856_Variance" hidden="1">
            <a:extLst>
              <a:ext uri="{FF2B5EF4-FFF2-40B4-BE49-F238E27FC236}">
                <a16:creationId xmlns:a16="http://schemas.microsoft.com/office/drawing/2014/main" id="{E9C780F1-001F-8B9E-5419-8A2F5A0228A6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12700" y="-525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326" name="OTLSHAPE_SLA_0d55fd54b1674eb3913141cfa195eaa9_Title">
            <a:extLst>
              <a:ext uri="{FF2B5EF4-FFF2-40B4-BE49-F238E27FC236}">
                <a16:creationId xmlns:a16="http://schemas.microsoft.com/office/drawing/2014/main" id="{807DD3A3-D8EA-C615-F9CB-DA30BCA058A4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2642320" y="203783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timate ROI</a:t>
            </a:r>
          </a:p>
        </p:txBody>
      </p:sp>
      <p:sp>
        <p:nvSpPr>
          <p:cNvPr id="327" name="OTLSHAPE_SLA_0d55fd54b1674eb3913141cfa195eaa9_Date" hidden="1">
            <a:extLst>
              <a:ext uri="{FF2B5EF4-FFF2-40B4-BE49-F238E27FC236}">
                <a16:creationId xmlns:a16="http://schemas.microsoft.com/office/drawing/2014/main" id="{A38F6EE9-825A-DA6D-BE18-5A79D4454633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7</a:t>
            </a:r>
          </a:p>
        </p:txBody>
      </p:sp>
      <p:sp>
        <p:nvSpPr>
          <p:cNvPr id="328" name="OTLSHAPE_SLA_0d55fd54b1674eb3913141cfa195eaa9_Variance" hidden="1">
            <a:extLst>
              <a:ext uri="{FF2B5EF4-FFF2-40B4-BE49-F238E27FC236}">
                <a16:creationId xmlns:a16="http://schemas.microsoft.com/office/drawing/2014/main" id="{AC2BFAED-7E0B-DD28-3BA4-2A162441FFC9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12700" y="-525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343" name="OTLSHAPE_SLA_e1f7b44286244bcab78aef04590f1f28_Title">
            <a:extLst>
              <a:ext uri="{FF2B5EF4-FFF2-40B4-BE49-F238E27FC236}">
                <a16:creationId xmlns:a16="http://schemas.microsoft.com/office/drawing/2014/main" id="{6196656F-7A13-FDD6-4AA3-90A0E7E8CB1C}"/>
              </a:ext>
            </a:extLst>
          </p:cNvPr>
          <p:cNvSpPr txBox="1"/>
          <p:nvPr>
            <p:custDataLst>
              <p:tags r:id="rId338"/>
            </p:custDataLst>
          </p:nvPr>
        </p:nvSpPr>
        <p:spPr>
          <a:xfrm>
            <a:off x="5841044" y="3776546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6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ion testing</a:t>
            </a:r>
          </a:p>
        </p:txBody>
      </p:sp>
      <p:sp>
        <p:nvSpPr>
          <p:cNvPr id="345" name="OTLSHAPE_SLA_e1f7b44286244bcab78aef04590f1f28_Date" hidden="1">
            <a:extLst>
              <a:ext uri="{FF2B5EF4-FFF2-40B4-BE49-F238E27FC236}">
                <a16:creationId xmlns:a16="http://schemas.microsoft.com/office/drawing/2014/main" id="{B3CA3AF2-ECA1-0C3A-794D-CA45F33BA81C}"/>
              </a:ext>
            </a:extLst>
          </p:cNvPr>
          <p:cNvSpPr txBox="1"/>
          <p:nvPr>
            <p:custDataLst>
              <p:tags r:id="rId33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5</a:t>
            </a:r>
          </a:p>
        </p:txBody>
      </p:sp>
      <p:sp>
        <p:nvSpPr>
          <p:cNvPr id="347" name="OTLSHAPE_SLA_e1f7b44286244bcab78aef04590f1f28_Variance" hidden="1">
            <a:extLst>
              <a:ext uri="{FF2B5EF4-FFF2-40B4-BE49-F238E27FC236}">
                <a16:creationId xmlns:a16="http://schemas.microsoft.com/office/drawing/2014/main" id="{BB17069B-25CA-CED5-BC74-BE6B602940AA}"/>
              </a:ext>
            </a:extLst>
          </p:cNvPr>
          <p:cNvSpPr txBox="1"/>
          <p:nvPr>
            <p:custDataLst>
              <p:tags r:id="rId340"/>
            </p:custDataLst>
          </p:nvPr>
        </p:nvSpPr>
        <p:spPr>
          <a:xfrm>
            <a:off x="12700" y="-525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351" name="OTLSHAPE_SLA_5f18c49bf40d445289da22642774cfa3_Title">
            <a:extLst>
              <a:ext uri="{FF2B5EF4-FFF2-40B4-BE49-F238E27FC236}">
                <a16:creationId xmlns:a16="http://schemas.microsoft.com/office/drawing/2014/main" id="{E492A54D-1E88-8029-67FC-1A02DA181B9B}"/>
              </a:ext>
            </a:extLst>
          </p:cNvPr>
          <p:cNvSpPr txBox="1"/>
          <p:nvPr>
            <p:custDataLst>
              <p:tags r:id="rId341"/>
            </p:custDataLst>
          </p:nvPr>
        </p:nvSpPr>
        <p:spPr>
          <a:xfrm>
            <a:off x="9862516" y="6156018"/>
            <a:ext cx="584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6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stem optimization</a:t>
            </a:r>
          </a:p>
        </p:txBody>
      </p:sp>
      <p:sp>
        <p:nvSpPr>
          <p:cNvPr id="352" name="OTLSHAPE_SLA_5f18c49bf40d445289da22642774cfa3_Date" hidden="1">
            <a:extLst>
              <a:ext uri="{FF2B5EF4-FFF2-40B4-BE49-F238E27FC236}">
                <a16:creationId xmlns:a16="http://schemas.microsoft.com/office/drawing/2014/main" id="{E8B1D27A-41A5-3E47-F66A-A37B84729D45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5</a:t>
            </a:r>
          </a:p>
        </p:txBody>
      </p:sp>
      <p:sp>
        <p:nvSpPr>
          <p:cNvPr id="353" name="OTLSHAPE_SLA_5f18c49bf40d445289da22642774cfa3_Variance" hidden="1">
            <a:extLst>
              <a:ext uri="{FF2B5EF4-FFF2-40B4-BE49-F238E27FC236}">
                <a16:creationId xmlns:a16="http://schemas.microsoft.com/office/drawing/2014/main" id="{A3D3BC6C-1872-4766-D8FC-C1ADB478D11C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12700" y="-525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355" name="OTLSHAPE_SLA_e7f69bfbb4e94013a68ff82f50aaf92e_Title">
            <a:extLst>
              <a:ext uri="{FF2B5EF4-FFF2-40B4-BE49-F238E27FC236}">
                <a16:creationId xmlns:a16="http://schemas.microsoft.com/office/drawing/2014/main" id="{A3E1293F-B843-0895-60F5-7E21CB16DB62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10595901" y="6156018"/>
            <a:ext cx="546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4651F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nowledge transfer</a:t>
            </a:r>
          </a:p>
        </p:txBody>
      </p:sp>
      <p:sp>
        <p:nvSpPr>
          <p:cNvPr id="356" name="OTLSHAPE_SLA_e7f69bfbb4e94013a68ff82f50aaf92e_Date" hidden="1">
            <a:extLst>
              <a:ext uri="{FF2B5EF4-FFF2-40B4-BE49-F238E27FC236}">
                <a16:creationId xmlns:a16="http://schemas.microsoft.com/office/drawing/2014/main" id="{E79E9348-3399-39DA-9CC6-13F39F5219C5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5</a:t>
            </a:r>
          </a:p>
        </p:txBody>
      </p:sp>
      <p:sp>
        <p:nvSpPr>
          <p:cNvPr id="357" name="OTLSHAPE_SLA_e7f69bfbb4e94013a68ff82f50aaf92e_Variance" hidden="1">
            <a:extLst>
              <a:ext uri="{FF2B5EF4-FFF2-40B4-BE49-F238E27FC236}">
                <a16:creationId xmlns:a16="http://schemas.microsoft.com/office/drawing/2014/main" id="{9BB79226-0C9F-BAE5-34A8-DBB5FFDD019C}"/>
              </a:ext>
            </a:extLst>
          </p:cNvPr>
          <p:cNvSpPr txBox="1"/>
          <p:nvPr>
            <p:custDataLst>
              <p:tags r:id="rId346"/>
            </p:custDataLst>
          </p:nvPr>
        </p:nvSpPr>
        <p:spPr>
          <a:xfrm>
            <a:off x="12700" y="-5259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+261 days</a:t>
            </a:r>
          </a:p>
        </p:txBody>
      </p:sp>
      <p:sp>
        <p:nvSpPr>
          <p:cNvPr id="427" name="TextBox 426">
            <a:extLst>
              <a:ext uri="{FF2B5EF4-FFF2-40B4-BE49-F238E27FC236}">
                <a16:creationId xmlns:a16="http://schemas.microsoft.com/office/drawing/2014/main" id="{3B9B51C0-351A-7CF2-0A03-4423D2F0DAAD}"/>
              </a:ext>
            </a:extLst>
          </p:cNvPr>
          <p:cNvSpPr txBox="1"/>
          <p:nvPr/>
        </p:nvSpPr>
        <p:spPr>
          <a:xfrm>
            <a:off x="3925794" y="431180"/>
            <a:ext cx="527948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nline Banking Platform Implementation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4" descr="A black background with a black screen&#10;&#10;AI-generated content may be incorrect.">
            <a:extLst>
              <a:ext uri="{FF2B5EF4-FFF2-40B4-BE49-F238E27FC236}">
                <a16:creationId xmlns:a16="http://schemas.microsoft.com/office/drawing/2014/main" id="{230F211B-6526-D3AB-6321-D071D57432F5}"/>
              </a:ext>
            </a:extLst>
          </p:cNvPr>
          <p:cNvPicPr>
            <a:picLocks noChangeAspect="1"/>
          </p:cNvPicPr>
          <p:nvPr/>
        </p:nvPicPr>
        <p:blipFill>
          <a:blip r:embed="rId34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49049" y="5253088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742441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jcyNDU1MjQ1LTBkMzEtNDE0OC1iMGQ5LTdjY2U1ZjgwMDYwN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eyIkaWQiOiIxMiIsIkNvbG9yIjp7IiRpZCI6IjEzIiwiQSI6MjU1LCJSIjowLCJHIjowLCJCIjow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MjEsIkciOjk2LCJCIjoxMzB9fSwiSXNWaXNpYmxlIjp0cnV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2IiwiVG9wIjowLjAsIkxlZnQiOjAuMCwiUmlnaHQiOjAuMCwiQm90dG9tIjowLjB9LCJQYWRkaW5nIjp7IiRpZCI6IjY3IiwiVG9wIjowLjAsIkxlZnQiOjAuMCwiUmlnaHQiOjAuMCwiQm90dG9tIjowLjB9LCJCYWNrZ3JvdW5kIjp7IiRpZCI6IjY4IiwiQ29sb3IiOnsiJGlkIjoiNjkiLCJBIjowLCJSIjoyNTUsIkciOjI1NSwiQiI6MjU1fX0sIklzVmlzaWJsZSI6ZmFsc2UsIldpZHRoIjowLjAsIkhlaWdodCI6MC4wLCJCb3JkZXJTdHlsZSI6eyIkaWQiOiI3MCIsIkxpbmVDb2xvciI6bnVsbCwiTGluZVdlaWdodCI6MC4wLCJMaW5lVHlwZSI6MCwiUGFyZW50U3R5bGUiOm51bGx9LCJQYXJlbnRTdHlsZSI6bnVsbH0sIkRhdGVGb3JtYXQiOnsiJGlkIjoi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iLCJGb3JtYXQiOjAsIklzVmlzaWJsZSI6ZmFsc2UsIkxhc3RLbm93blZpc2liaWxpdHlTdGF0ZSI6ZmFsc2V9LCJJc1Zpc2libGUiOnRydWUsIlZhcmlhbmNlU3R5bGUiOnsiJGlkIjoiNzMiLCJUZXh0U3R5bGUiOnsiJGlkIjoiNzQiLCJGb250U2V0dGluZ3MiOnsiJGlkIjoiNzUiLCJGb250U2l6ZSI6MTEsIkZvbnROYW1lIjoiQ2FsaWJyaSIsIklzQm9sZCI6ZmFsc2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ciLCJGb3JtYXQiOjAsIklzVmlzaWJsZSI6ZmFsc2UsIkxhc3RLbm93blZpc2liaWxpdHlTdGF0ZSI6ZmFsc2V9LCJJc1Zpc2libGUiOnRydWUsIlZhcmlhbmNlU3R5bGUiOnsiJGlkIjoiMTQ4IiwiVGV4dFN0eWxlIjp7IiRpZCI6IjE0OSIsIkZvbnRTZXR0aW5ncyI6eyIkaWQiOiIxNTAiLCJGb250U2l6ZSI6MTEsIkZvbnROYW1lIjoiQ2FsaWJyaSIsIklzQm9sZCI6ZmFsc2UsIklzSXRhbGljIjpmYWxzZSwiSXNVbmRlcmxpbmVkIjpmYWxzZSwiUGFyZW50U3R5bGUiOm51bGx9LCJBdXRvU2l6ZSI6MCwiRm9yZWdyb3VuZCI6eyIkaWQiOiIxNTEiLCJDb2xvciI6eyIkaWQiOiIxN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xIiwiRm9ybWF0IjowLCJJc1Zpc2libGUiOmZhbHNlLCJMYXN0S25vd25WaXNpYmlsaXR5U3RhdGUiOmZhbHNlfSwiSXNWaXNpYmxlIjpmYWxzZSwiVmFyaWFuY2VTdHlsZSI6eyIkaWQiOiIxOTIiLCJUZXh0U3R5bGUiOnsiJGlkIjoiMTkzIiwiRm9udFNldHRpbmdzIjp7IiRpZCI6IjE5NCIsIkZvbnRTaXplIjoxMSwiRm9udE5hbWUiOiJDYWxpYnJpIiwiSXNCb2xkIjpmYWxzZSwiSXNJdGFsaWMiOmZhbHNlLCJJc1VuZGVybGluZWQiOmZhbHNlLCJQYXJlbnRTdHlsZSI6bnVsbH0sIkF1dG9TaXplIjowLCJGb3JlZ3JvdW5kIjp7IiRpZCI6IjE5NSIsIkNvbG9yIjp7IiRpZCI6IjE5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SIsIkZvcm1hdCI6MCwiSXNWaXNpYmxlIjpmYWxzZSwiTGFzdEtub3duVmlzaWJpbGl0eVN0YXRlIjpmYWxzZX0sIklzVmlzaWJsZSI6dHJ1ZSwiVmFyaWFuY2VTdHlsZSI6eyIkaWQiOiIyNDAiLCJUZXh0U3R5bGUiOnsiJGlkIjoiMjQxIiwiRm9udFNldHRpbmdzIjp7IiRpZCI6IjI0MiIsIkZvbnRTaXplIjoxMSwiRm9udE5hbWUiOiJDYWxpYnJpIiwiSXNCb2xkIjpmYWxzZSwiSXNJdGFsaWMiOmZhbHNlLCJJc1VuZGVybGluZWQiOmZhbHNlLCJQYXJlbnRTdHlsZSI6bnVsbH0sIkF1dG9TaXplIjowLCJGb3JlZ3JvdW5kIjp7IiRpZCI6IjI0MyIsIkNvbG9yIjp7IiRpZCI6IjI0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GlkIjoiMjY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nsiJGlkIjoiMzAzIiwiTGluZUNvbG9yIjpudWxsLCJMaW5lV2VpZ2h0IjowLjAsIkxpbmVUeXBlIjowLCJQYXJlbnRTdHlsZSI6bnVsbH0sIlBhcmVudFN0eWxlIjpudWxsfSwiRGF0ZVN0eWxlIjp7IiRpZCI6IjMwNCIsIkZvbnRTZXR0aW5ncyI6eyIkaWQiOiIzMDUiLCJGb250U2l6ZSI6OSwiRm9udE5hbWUiOiJDYWxpYnJpIiwiSXNCb2xkIjpmYWxzZSwiSXNJdGFsaWMiOmZhbHNlLCJJc1VuZGVybGluZWQiOmZhbHNlLCJQYXJlbnRTdHlsZSI6bnVsbH0sIkF1dG9TaXplIjowLCJGb3JlZ3JvdW5kIjp7IiRpZCI6IjMwNiIsIkNvbG9yIjp7IiRpZCI6IjMwNy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0IiwiRm9ybWF0IjowLCJJc1Zpc2libGUiOmZhbHNlLCJMYXN0S25vd25WaXNpYmlsaXR5U3RhdGUiOmZhbHNlfSwiSXNWaXNpYmxlIjp0cnVlLCJWYXJpYW5jZVN0eWxlIjp7IiRpZCI6IjMxNSIsIlRleHRTdHlsZSI6eyIkaWQiOiIzMTYiLCJGb250U2V0dGluZ3MiOnsiJGlkIjoiMzE3IiwiRm9udFNpemUiOjExLCJGb250TmFtZSI6IkNhbGlicmkiLCJJc0JvbGQiOmZhbHNlLCJJc0l0YWxpYyI6ZmFsc2UsIklzVW5kZXJsaW5lZCI6ZmFsc2UsIlBhcmVudFN0eWxlIjpudWxsfSwiQXV0b1NpemUiOjAsIkZvcmVncm91bmQiOnsiJGlkIjoiMzE4IiwiQ29sb3IiOnsiJGlkIjoiMzE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zIiwiRm9ybWF0IjowLCJJc1Zpc2libGUiOmZhbHNlLCJMYXN0S25vd25WaXNpYmlsaXR5U3RhdGUiOmZhbHNlfSwiSXNWaXNpYmxlIjp0cnVlLCJWYXJpYW5jZVN0eWxlIjp7IiRpZCI6IjM2NCIsIlRleHRTdHlsZSI6eyIkaWQiOiIzNjUiLCJGb250U2V0dGluZ3MiOnsiJGlkIjoiMzY2IiwiRm9udFNpemUiOjExLCJGb250TmFtZSI6IkNhbGlicmkiLCJJc0JvbGQiOmZhbHNlLCJJc0l0YWxpYyI6ZmFsc2UsIklzVW5kZXJsaW5lZCI6ZmFsc2UsIlBhcmVudFN0eWxlIjpudWxsfSwiQXV0b1NpemUiOjAsIkZvcmVncm91bmQiOnsiJGlkIjoiMzY3IiwiQ29sb3IiOnsiJGlkIjoiMzY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nsiJGlkIjoiNDI3IiwiTGluZUNvbG9yIjpudWxsLCJMaW5lV2VpZ2h0IjowLjAsIkxpbmVUeXBlIjowLCJQYXJlbnRTdHlsZSI6bnVsbH0sIlBhcmVudFN0eWxlIjpudWxsfSwiRGF0ZVN0eWxlIjp7IiRpZCI6IjQyOCIsIkZvbnRTZXR0aW5ncyI6eyIkaWQiOiI0MjkiLCJGb250U2l6ZSI6OSwiRm9udE5hbWUiOiJDYWxpYnJpIiwiSXNCb2xkIjpmYWxzZSwiSXNJdGFsaWMiOmZhbHNlLCJJc1VuZGVybGluZWQiOmZhbHNlLCJQYXJlbnRTdHlsZSI6bnVsbH0sIkF1dG9TaXplIjowLCJGb3JlZ3JvdW5kIjp7IiRpZCI6IjQzMCIsIkNvbG9yIjp7IiRpZCI6IjQzMS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4IiwiRm9ybWF0IjowLCJJc1Zpc2libGUiOmZhbHNlLCJMYXN0S25vd25WaXNpYmlsaXR5U3RhdGUiOmZhbHNlfSwiSXNWaXNpYmxlIjp0cnVlLCJWYXJpYW5jZVN0eWxlIjp7IiRpZCI6IjQzOSIsIlRleHRTdHlsZSI6eyIkaWQiOiI0NDAiLCJGb250U2V0dGluZ3MiOnsiJGlkIjoiNDQxIiwiRm9udFNpemUiOjExLCJGb250TmFtZSI6IkNhbGlicmkiLCJJc0JvbGQiOmZhbHNlLCJJc0l0YWxpYyI6ZmFsc2UsIklzVW5kZXJsaW5lZCI6ZmFsc2UsIlBhcmVudFN0eWxlIjpudWxsfSwiQXV0b1NpemUiOjAsIkZvcmVncm91bmQiOnsiJGlkIjoiNDQyIiwiQ29sb3IiOnsiJGlkIjoiND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2OCIsIlRvcCI6MC4wLCJMZWZ0IjowLjAsIlJpZ2h0IjowLjAsIkJvdHRvbSI6MC4wfSwiUGFkZGluZyI6eyIkaWQiOiI0NjkiLCJUb3AiOjAuMCwiTGVmdCI6MC4wLCJSaWdodCI6MC4wLCJCb3R0b20iOjAuMH0sIkJhY2tncm91bmQiOnsiJGlkIjoiNDcwIiwiQ29sb3IiOnsiJGlkIjoiNDcxIiwiQSI6MjU1LCJSIjoyMzcsIkciOjEyNSwiQiI6NDl9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MCwiUiI6MjU1LCJHIjoyNTUsIkIiOjI1NX19LCJJc1Zpc2libGUiOnRydWUsIldpZHRoIjowLjAsIkhlaWdodCI6MC4wLCJCb3JkZXJTdHlsZSI6eyIkaWQiOiI1MTIiLCJMaW5lQ29sb3IiOm51bGwsIkxpbmVXZWlnaHQiOjAuMCwiTGluZVR5cGUiOjAsIlBhcmVudFN0eWxlIjpudWxsfSwiUGFyZW50U3R5bGUiOm51bGx9LCJEYXRlRm9ybWF0Ijp7IiRpZCI6IjUxMy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CIsIkZvcm1hdCI6MCwiSXNWaXNpYmxlIjpmYWxzZSwiTGFzdEtub3duVmlzaWJpbGl0eVN0YXRlIjpmYWxzZX0sIklzVmlzaWJsZSI6dHJ1ZSwiVmFyaWFuY2VTdHlsZSI6eyIkaWQiOiI1MTUiLCJUZXh0U3R5bGUiOnsiJGlkIjoiNTE2IiwiRm9udFNldHRpbmdzIjp7IiRpZCI6IjUxNyIsIkZvbnRTaXplIjoxMSwiRm9udE5hbWUiOiJDYWxpYnJpIiwiSXNCb2xkIjpmYWxzZSwiSXNJdGFsaWMiOmZhbHNlLCJJc1VuZGVybGluZWQiOmZhbHNlLCJQYXJlbnRTdHlsZSI6bnVsbH0sIkF1dG9TaXplIjowLCJGb3JlZ3JvdW5kIjp7IiRpZCI6IjUxOCIsIkNvbG9yIjp7IiRpZCI6IjUx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VN0eWxlIjp7IiRpZCI6IjU1MyIsIkZvbnRTZXR0aW5ncyI6eyIkaWQiOiI1NTQiLCJGb250U2l6ZSI6MTAsIkZvbnROYW1lIjoiQ2FsaWJyaSIsIklzQm9sZCI6ZmFsc2UsIklzSXRhbGljIjpmYWxzZSwiSXNVbmRlcmxpbmVkIjpmYWxzZSwiUGFyZW50U3R5bGUiOm51bGx9LCJBdXRvU2l6ZSI6MCwiRm9yZWdyb3VuZCI6eyIkaWQiOiI1NTUiLCJDb2xvciI6eyIkaWQiOiI1N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MiLCJGb3JtYXQiOjAsIklzVmlzaWJsZSI6ZmFsc2UsIkxhc3RLbm93blZpc2liaWxpdHlTdGF0ZSI6ZmFsc2V9LCJJc1Zpc2libGUiOnRydWUsIlZhcmlhbmNlU3R5bGUiOnsiJGlkIjoiNTY0IiwiVGV4dFN0eWxlIjp7IiRpZCI6IjU2NSIsIkZvbnRTZXR0aW5ncyI6eyIkaWQiOiI1NjYiLCJGb250U2l6ZSI6MTEsIkZvbnROYW1lIjoiQ2FsaWJyaSIsIklzQm9sZCI6ZmFsc2UsIklzSXRhbGljIjpmYWxzZSwiSXNVbmRlcmxpbmVkIjpmYWxzZSwiUGFyZW50U3R5bGUiOm51bGx9LCJBdXRvU2l6ZSI6MCwiRm9yZWdyb3VuZCI6eyIkaWQiOiI1NjciLCJDb2xvciI6eyIkaWQiOiI1Nj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I1NSwiRyI6MjU1LCJCIjoyNTV9fSwiSXNWaXNpYmxlIjp0cnVlLCJXaWR0aCI6MC4wLCJIZWlnaHQiOjAuMCwiQm9yZGVyU3R5bGUiOnsiJGlkIjoiNjM2IiwiTGluZUNvbG9yIjpudWxsLCJMaW5lV2VpZ2h0IjowLjAsIkxpbmVUeXBlIjowLCJQYXJlbnRTdHlsZSI6bnVsbH0sIlBhcmVudFN0eWxlIjpudWxsfSwiRGF0ZUZvcm1hdCI6eyIkaWQiOiI2Mzc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giLCJGb3JtYXQiOjAsIklzVmlzaWJsZSI6ZmFsc2UsIkxhc3RLbm93blZpc2liaWxpdHlTdGF0ZSI6ZmFsc2V9LCJJc1Zpc2libGUiOnRydWUsIlZhcmlhbmNlU3R5bGUiOnsiJGlkIjoiNjM5IiwiVGV4dFN0eWxlIjp7IiRpZCI6IjY0MCIsIkZvbnRTZXR0aW5ncyI6eyIkaWQiOiI2NDEiLCJGb250U2l6ZSI6MTEsIkZvbnROYW1lIjoiQ2FsaWJyaSIsIklzQm9sZCI6ZmFsc2UsIklzSXRhbGljIjpmYWxzZSwiSXNVbmRlcmxpbmVkIjpmYWxzZSwiUGFyZW50U3R5bGUiOm51bGx9LCJBdXRvU2l6ZSI6MCwiRm9yZWdyb3VuZCI6eyIkaWQiOiI2NDIiLCJDb2xvciI6eyIkaWQiOiI2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yIiwiRm9ybWF0IjowLCJJc1Zpc2libGUiOmZhbHNlLCJMYXN0S25vd25WaXNpYmlsaXR5U3RhdGUiOmZhbHNlfSwiSXNWaXNpYmxlIjp0cnVlLCJWYXJpYW5jZVN0eWxlIjp7IiRpZCI6Ijc3MyIsIlRleHRTdHlsZSI6eyIkaWQiOiI3NzQiLCJGb250U2V0dGluZ3MiOnsiJGlkIjoiNzc1IiwiRm9udFNpemUiOjExLCJGb250TmFtZSI6IkNhbGlicmkiLCJJc0JvbGQiOmZhbHNlLCJJc0l0YWxpYyI6ZmFsc2UsIklzVW5kZXJsaW5lZCI6ZmFsc2UsIlBhcmVudFN0eWxlIjpudWxsfSwiQXV0b1NpemUiOjAsIkZvcmVncm91bmQiOnsiJGlkIjoiNzc2IiwiQ29sb3IiOnsiJGlkIjoiNz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xNyIsIkZvcm1hdCI6MCwiSXNWaXNpYmxlIjpmYWxzZSwiTGFzdEtub3duVmlzaWJpbGl0eVN0YXRlIjpmYWxzZX0sIklzVmlzaWJsZSI6dHJ1ZSwiVmFyaWFuY2VTdHlsZSI6eyIkaWQiOiI4MTgiLCJUZXh0U3R5bGUiOnsiJGlkIjoiODE5IiwiRm9udFNldHRpbmdzIjp7IiRpZCI6IjgyMCIsIkZvbnRTaXplIjoxMSwiRm9udE5hbWUiOiJDYWxpYnJpIiwiSXNCb2xkIjpmYWxzZSwiSXNJdGFsaWMiOmZhbHNlLCJJc1VuZGVybGluZWQiOmZhbHNlLCJQYXJlbnRTdHlsZSI6bnVsbH0sIkF1dG9TaXplIjowLCJGb3JlZ3JvdW5kIjp7IiRpZCI6IjgyMSIsIkNvbG9yIjp7IiRpZCI6Ijg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NiIsIkZvcm1hdCI6MCwiSXNWaXNpYmxlIjpmYWxzZSwiTGFzdEtub3duVmlzaWJpbGl0eVN0YXRlIjpmYWxzZX0sIklzVmlzaWJsZSI6dHJ1ZSwiVmFyaWFuY2VTdHlsZSI6eyIkaWQiOiI4NTciLCJUZXh0U3R5bGUiOnsiJGlkIjoiODU4IiwiRm9udFNldHRpbmdzIjp7IiRpZCI6Ijg1OSIsIkZvbnRTaXplIjoxMSwiRm9udE5hbWUiOiJDYWxpYnJpIiwiSXNCb2xkIjpmYWxzZSwiSXNJdGFsaWMiOmZhbHNlLCJJc1VuZGVybGluZWQiOmZhbHNlLCJQYXJlbnRTdHlsZSI6bnVsbH0sIkF1dG9TaXplIjowLCJGb3JlZ3JvdW5kIjp7IiRpZCI6Ijg2MCIsIkNvbG9yIjp7IiRpZCI6Ijg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YiLCJGb3JtYXQiOjAsIklzVmlzaWJsZSI6ZmFsc2UsIkxhc3RLbm93blZpc2liaWxpdHlTdGF0ZSI6ZmFsc2V9LCJJc1Zpc2libGUiOnRydWUsIlZhcmlhbmNlU3R5bGUiOnsiJGlkIjoiOTY3IiwiVGV4dFN0eWxlIjp7IiRpZCI6Ijk2OCIsIkZvbnRTZXR0aW5ncyI6eyIkaWQiOiI5NjkiLCJGb250U2l6ZSI6MTEsIkZvbnROYW1lIjoiQ2FsaWJyaSIsIklzQm9sZCI6ZmFsc2UsIklzSXRhbGljIjpmYWxzZSwiSXNVbmRlcmxpbmVkIjpmYWxzZSwiUGFyZW50U3R5bGUiOm51bGx9LCJBdXRvU2l6ZSI6MCwiRm9yZWdyb3VuZCI6eyIkaWQiOiI5NzAiLCJDb2xvciI6eyIkaWQiOiI5N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DMiLCJGb3JtYXQiOjAsIklzVmlzaWJsZSI6ZmFsc2UsIkxhc3RLbm93blZpc2liaWxpdHlTdGF0ZSI6ZmFsc2V9LCJJc1Zpc2libGUiOnRydWUsIlZhcmlhbmNlU3R5bGUiOnsiJGlkIjoiMTA0NCIsIlRleHRTdHlsZSI6eyIkaWQiOiIxMDQ1IiwiRm9udFNldHRpbmdzIjp7IiRpZCI6IjEwNDYiLCJGb250U2l6ZSI6MTEsIkZvbnROYW1lIjoiQ2FsaWJyaSIsIklzQm9sZCI6ZmFsc2UsIklzSXRhbGljIjpmYWxzZSwiSXNVbmRlcmxpbmVkIjpmYWxzZSwiUGFyZW50U3R5bGUiOm51bGx9LCJBdXRvU2l6ZSI6MCwiRm9yZWdyb3VuZCI6eyIkaWQiOiIxMDQ3IiwiQ29sb3IiOnsiJGlkIjoiMTA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MiLCJGb3JtYXQiOjAsIklzVmlzaWJsZSI6ZmFsc2UsIkxhc3RLbm93blZpc2liaWxpdHlTdGF0ZSI6ZmFsc2V9LCJJc1Zpc2libGUiOnRydWUsIlZhcmlhbmNlU3R5bGUiOnsiJGlkIjoiMTA5NCIsIlRleHRTdHlsZSI6eyIkaWQiOiIxMDk1IiwiRm9udFNldHRpbmdzIjp7IiRpZCI6IjEwOTYiLCJGb250U2l6ZSI6MTEsIkZvbnROYW1lIjoiQ2FsaWJyaSIsIklzQm9sZCI6ZmFsc2UsIklzSXRhbGljIjpmYWxzZSwiSXNVbmRlcmxpbmVkIjpmYWxzZSwiUGFyZW50U3R5bGUiOm51bGx9LCJBdXRvU2l6ZSI6MCwiRm9yZWdyb3VuZCI6eyIkaWQiOiIxMDk3IiwiQ29sb3IiOnsiJGlkIjoiMTA5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giLCJGb3JtYXQiOjAsIklzVmlzaWJsZSI6ZmFsc2UsIkxhc3RLbm93blZpc2liaWxpdHlTdGF0ZSI6ZmFsc2V9LCJJc1Zpc2libGUiOnRydWUsIlZhcmlhbmNlU3R5bGUiOnsiJGlkIjoiMTE2OSIsIlRleHRTdHlsZSI6eyIkaWQiOiIxMTcwIiwiRm9udFNldHRpbmdzIjp7IiRpZCI6IjExNzEiLCJGb250U2l6ZSI6MTEsIkZvbnROYW1lIjoiQ2FsaWJyaSIsIklzQm9sZCI6ZmFsc2UsIklzSXRhbGljIjpmYWxzZSwiSXNVbmRlcmxpbmVkIjpmYWxzZSwiUGFyZW50U3R5bGUiOm51bGx9LCJBdXRvU2l6ZSI6MCwiRm9yZWdyb3VuZCI6eyIkaWQiOiIxMTcyIiwiQ29sb3IiOnsiJGlkIjoiMTE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Q1IiwiRm9ybWF0IjowLCJJc1Zpc2libGUiOmZhbHNlLCJMYXN0S25vd25WaXNpYmlsaXR5U3RhdGUiOmZhbHNlfSwiSXNWaXNpYmxlIjp0cnVlLCJWYXJpYW5jZVN0eWxlIjp7IiRpZCI6IjEyNDYiLCJUZXh0U3R5bGUiOnsiJGlkIjoiMTI0NyIsIkZvbnRTZXR0aW5ncyI6eyIkaWQiOiIxMjQ4IiwiRm9udFNpemUiOjExLCJGb250TmFtZSI6IkNhbGlicmkiLCJJc0JvbGQiOmZhbHNlLCJJc0l0YWxpYyI6ZmFsc2UsIklzVW5kZXJsaW5lZCI6ZmFsc2UsIlBhcmVudFN0eWxlIjpudWxsfSwiQXV0b1NpemUiOjAsIkZvcmVncm91bmQiOnsiJGlkIjoiMTI0OSIsIkNvbG9yIjp7IiRpZCI6IjEyN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4OSwiUiI6MCwiRyI6MCwiQiI6MH19LCJJc1Zpc2libGUiOnRydWUsIldpZHRoIjowLjAsIkhlaWdodCI6MC4wLCJCb3JkZXJTdHlsZSI6eyIkaWQiOiIxMjcxIiwiTGluZUNvbG9yIjpudWxsLCJMaW5lV2VpZ2h0IjowLjAsIkxpbmVUeXBlIjowLCJQYXJlbnRTdHlsZSI6bnVsbH0sIlBhcmVudFN0eWxlIjpudWxsfSwiRHVyYXRpb25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yIiwiRm9ybWF0IjowLCJJc1Zpc2libGUiOmZhbHNlLCJMYXN0S25vd25WaXNpYmlsaXR5U3RhdGUiOmZhbHNlfSwiSXNWaXNpYmxlIjp0cnVlLCJWYXJpYW5jZVN0eWxlIjp7IiRpZCI6IjEzMjMiLCJUZXh0U3R5bGUiOnsiJGlkIjoiMTMyNCIsIkZvbnRTZXR0aW5ncyI6eyIkaWQiOiIxMzI1IiwiRm9udFNpemUiOjExLCJGb250TmFtZSI6IkNhbGlicmkiLCJJc0JvbGQiOmZhbHNlLCJJc0l0YWxpYyI6ZmFsc2UsIklzVW5kZXJsaW5lZCI6ZmFsc2UsIlBhcmVudFN0eWxlIjpudWxsfSwiQXV0b1NpemUiOjAsIkZvcmVncm91bmQiOnsiJGlkIjoiMTMyNiIsIkNvbG9yIjp7IiRpZCI6IjEzM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eyIkaWQiOiIxNDA3IiwiQ29sb3IiOnsiJGlkIjoiMTQwOCIsIkEiOjI1NSwiUiI6MjU1LCJHIjoyNTUsIkIiOjI1NX19LCJJc1Zpc2libGUiOnRydW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My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aWQiOiIxNDMwIiwiQ29sb3IiOnsiJGlkIjoiMTQz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giLCJGb3JtYXQiOjAsIklzVmlzaWJsZSI6ZmFsc2UsIkxhc3RLbm93blZpc2liaWxpdHlTdGF0ZSI6ZmFsc2V9LCJJc1Zpc2libGUiOnRydWUsIlZhcmlhbmNlU3R5bGUiOnsiJGlkIjoiMTQ4OSIsIlRleHRTdHlsZSI6eyIkaWQiOiIxNDkwIiwiRm9udFNldHRpbmdzIjp7IiRpZCI6IjE0OTEiLCJGb250U2l6ZSI6MTEsIkZvbnROYW1lIjoiQ2FsaWJyaSIsIklzQm9sZCI6ZmFsc2UsIklzSXRhbGljIjpmYWxzZSwiSXNVbmRlcmxpbmVkIjpmYWxzZSwiUGFyZW50U3R5bGUiOm51bGx9LCJBdXRvU2l6ZSI6MCwiRm9yZWdyb3VuZCI6eyIkaWQiOiIxNDkyIiwiQ29sb3IiOnsiJGlkIjoiMTQ5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MzIiwiRm9ybWF0IjowLCJJc1Zpc2libGUiOmZhbHNlLCJMYXN0S25vd25WaXNpYmlsaXR5U3RhdGUiOmZhbHNlfSwiSXNWaXNpYmxlIjpmYWxzZSwiVmFyaWFuY2VTdHlsZSI6eyIkaWQiOiIxNTM0IiwiVGV4dFN0eWxlIjp7IiRpZCI6IjE1MzUiLCJGb250U2V0dGluZ3MiOnsiJGlkIjoiMTUzNiIsIkZvbnRTaXplIjoxMSwiRm9udE5hbWUiOiJDYWxpYnJpIiwiSXNCb2xkIjpmYWxzZSwiSXNJdGFsaWMiOmZhbHNlLCJJc1VuZGVybGluZWQiOmZhbHNlLCJQYXJlbnRTdHlsZSI6bnVsbH0sIkF1dG9TaXplIjowLCJGb3JlZ3JvdW5kIjp7IiRpZCI6IjE1MzciLCJDb2xvciI6eyIkaWQiOiIxNTM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zIiLCJGb3JtYXQiOjAsIklzVmlzaWJsZSI6ZmFsc2UsIkxhc3RLbm93blZpc2liaWxpdHlTdGF0ZSI6ZmFsc2V9LCJJc1Zpc2libGUiOnRydWUsIlZhcmlhbmNlU3R5bGUiOnsiJGlkIjoiMTU3MyIsIlRleHRTdHlsZSI6eyIkaWQiOiIxNTc0IiwiRm9udFNldHRpbmdzIjp7IiRpZCI6IjE1NzUiLCJGb250U2l6ZSI6MTEsIkZvbnROYW1lIjoiQ2FsaWJyaSIsIklzQm9sZCI6ZmFsc2UsIklzSXRhbGljIjpmYWxzZSwiSXNVbmRlcmxpbmVkIjpmYWxzZSwiUGFyZW50U3R5bGUiOm51bGx9LCJBdXRvU2l6ZSI6MCwiRm9yZWdyb3VuZCI6eyIkaWQiOiIxNTc2IiwiQ29sb3IiOnsiJGlkIjoiMTU3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jUiLCJGb3JtYXQiOjAsIklzVmlzaWJsZSI6ZmFsc2UsIkxhc3RLbm93blZpc2liaWxpdHlTdGF0ZSI6ZmFsc2V9LCJJc1Zpc2libGUiOnRydWUsIlZhcmlhbmNlU3R5bGUiOnsiJGlkIjoiMTcyNiIsIlRleHRTdHlsZSI6eyIkaWQiOiIxNzI3IiwiRm9udFNldHRpbmdzIjp7IiRpZCI6IjE3MjgiLCJGb250U2l6ZSI6MTEsIkZvbnROYW1lIjoiQ2FsaWJyaSIsIklzQm9sZCI6ZmFsc2UsIklzSXRhbGljIjpmYWxzZSwiSXNVbmRlcmxpbmVkIjpmYWxzZSwiUGFyZW50U3R5bGUiOm51bGx9LCJBdXRvU2l6ZSI6MCwiRm9yZWdyb3VuZCI6eyIkaWQiOiIxNzI5IiwiQ29sb3IiOnsiJGlkIjoiMTcz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DIiLCJGb3JtYXQiOjAsIklzVmlzaWJsZSI6ZmFsc2UsIkxhc3RLbm93blZpc2liaWxpdHlTdGF0ZSI6ZmFsc2V9LCJJc1Zpc2libGUiOnRydWUsIlZhcmlhbmNlU3R5bGUiOnsiJGlkIjoiMTgwMyIsIlRleHRTdHlsZSI6eyIkaWQiOiIxODA0IiwiRm9udFNldHRpbmdzIjp7IiRpZCI6IjE4MDUiLCJGb250U2l6ZSI6MTEsIkZvbnROYW1lIjoiQ2FsaWJyaSIsIklzQm9sZCI6ZmFsc2UsIklzSXRhbGljIjpmYWxzZSwiSXNVbmRlcmxpbmVkIjpmYWxzZSwiUGFyZW50U3R5bGUiOm51bGx9LCJBdXRvU2l6ZSI6MCwiRm9yZWdyb3VuZCI6eyIkaWQiOiIxODA2IiwiQ29sb3IiOnsiJGlkIjoiMTgw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c5IiwiRm9ybWF0IjowLCJJc1Zpc2libGUiOmZhbHNlLCJMYXN0S25vd25WaXNpYmlsaXR5U3RhdGUiOmZhbHNlfSwiSXNWaXNpYmxlIjp0cnVlLCJWYXJpYW5jZVN0eWxlIjp7IiRpZCI6IjE4ODAiLCJUZXh0U3R5bGUiOnsiJGlkIjoiMTg4MSIsIkZvbnRTZXR0aW5ncyI6eyIkaWQiOiIxODgyIiwiRm9udFNpemUiOjExLCJGb250TmFtZSI6IkNhbGlicmkiLCJJc0JvbGQiOmZhbHNlLCJJc0l0YWxpYyI6ZmFsc2UsIklzVW5kZXJsaW5lZCI6ZmFsc2UsIlBhcmVudFN0eWxlIjpudWxsfSwiQXV0b1NpemUiOjAsIkZvcmVncm91bmQiOnsiJGlkIjoiMTg4MyIsIkNvbG9yIjp7IiRpZCI6IjE4O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U2IiwiRm9ybWF0IjowLCJJc1Zpc2libGUiOmZhbHNlLCJMYXN0S25vd25WaXNpYmlsaXR5U3RhdGUiOmZhbHNlfSwiSXNWaXNpYmxlIjp0cnVlLCJWYXJpYW5jZVN0eWxlIjp7IiRpZCI6IjE5NTciLCJUZXh0U3R5bGUiOnsiJGlkIjoiMTk1OCIsIkZvbnRTZXR0aW5ncyI6eyIkaWQiOiIxOTU5IiwiRm9udFNpemUiOjExLCJGb250TmFtZSI6IkNhbGlicmkiLCJJc0JvbGQiOmZhbHNlLCJJc0l0YWxpYyI6ZmFsc2UsIklzVW5kZXJsaW5lZCI6ZmFsc2UsIlBhcmVudFN0eWxlIjpudWxsfSwiQXV0b1NpemUiOjAsIkZvcmVncm91bmQiOnsiJGlkIjoiMTk2MCIsIkNvbG9yIjp7IiRpZCI6IjE5Nj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MzIiwiRm9ybWF0IjowLCJJc1Zpc2libGUiOmZhbHNlLCJMYXN0S25vd25WaXNpYmlsaXR5U3RhdGUiOmZhbHNlfSwiSXNWaXNpYmxlIjp0cnVlLCJWYXJpYW5jZVN0eWxlIjp7IiRpZCI6IjIwMzQiLCJUZXh0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OSIsIkZvcm1hdCI6MCwiSXNWaXNpYmxlIjpmYWxzZSwiTGFzdEtub3duVmlzaWJpbGl0eVN0YXRlIjpmYWxzZX0sIklzVmlzaWJsZSI6dHJ1ZSwiVmFyaWFuY2VTdHlsZSI6eyIkaWQiOiIyMTEwIiwiVGV4dFN0eWxlIjp7IiRpZCI6IjIxMTEiLCJGb250U2V0dGluZ3MiOnsiJGlkIjoiMjExMiIsIkZvbnRTaXplIjoxMSwiRm9udE5hbWUiOiJDYWxpYnJpIiwiSXNCb2xkIjpmYWxzZSwiSXNJdGFsaWMiOmZhbHNlLCJJc1VuZGVybGluZWQiOmZhbHNlLCJQYXJlbnRTdHlsZSI6bnVsbH0sIkF1dG9TaXplIjowLCJGb3JlZ3JvdW5kIjp7IiRpZCI6IjIxMTMiLCJDb2xvciI6eyIkaWQiOiIyMTE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c1IiwiRm9ybWF0IjowLCJJc1Zpc2libGUiOmZhbHNlLCJMYXN0S25vd25WaXNpYmlsaXR5U3RhdGUiOmZhbHNlfSwiSXNWaXNpYmxlIjp0cnVlLCJWYXJpYW5jZVN0eWxlIjp7IiRpZCI6IjIyNzYiLCJUZXh0U3R5bGUiOnsiJGlkIjoiMjI3NyIsIkZvbnRTZXR0aW5ncyI6eyIkaWQiOiIyMjc4IiwiRm9udFNpemUiOjExLCJGb250TmFtZSI6IkNhbGlicmkiLCJJc0JvbGQiOmZhbHNlLCJJc0l0YWxpYyI6ZmFsc2UsIklzVW5kZXJsaW5lZCI6ZmFsc2UsIlBhcmVudFN0eWxlIjpudWxsfSwiQXV0b1NpemUiOjAsIkZvcmVncm91bmQiOnsiJGlkIjoiMjI3OSIsIkNvbG9yIjp7IiRpZCI6IjIyOD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jAiLCJGb3JtYXQiOjAsIklzVmlzaWJsZSI6ZmFsc2UsIkxhc3RLbm93blZpc2liaWxpdHlTdGF0ZSI6ZmFsc2V9LCJJc1Zpc2libGUiOmZhbHNlLCJWYXJpYW5jZVN0eWxlIjp7IiRpZCI6IjIzMjEiLCJUZXh0U3R5bGUiOnsiJGlkIjoiMjMyMiIsIkZvbnRTZXR0aW5ncyI6eyIkaWQiOiIyMzIzIiwiRm9udFNpemUiOjExLCJGb250TmFtZSI6IkNhbGlicmkiLCJJc0JvbGQiOmZhbHNlLCJJc0l0YWxpYyI6ZmFsc2UsIklzVW5kZXJsaW5lZCI6ZmFsc2UsIlBhcmVudFN0eWxlIjpudWxsfSwiQXV0b1NpemUiOjAsIkZvcmVncm91bmQiOnsiJGlkIjoiMjMyNCIsIkNvbG9yIjp7IiRpZCI6IjIz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U5IiwiRm9ybWF0IjowLCJJc1Zpc2libGUiOmZhbHNlLCJMYXN0S25vd25WaXNpYmlsaXR5U3RhdGUiOmZhbHNlfSwiSXNWaXNpYmxlIjp0cnVlLCJWYXJpYW5jZVN0eWxlIjp7IiRpZCI6IjIzNjAiLCJUZXh0U3R5bGUiOnsiJGlkIjoiMjM2MSIsIkZvbnRTZXR0aW5ncyI6eyIkaWQiOiIyMzYyIiwiRm9udFNpemUiOjExLCJGb250TmFtZSI6IkNhbGlicmkiLCJJc0JvbGQiOmZhbHNlLCJJc0l0YWxpYyI6ZmFsc2UsIklzVW5kZXJsaW5lZCI6ZmFsc2UsIlBhcmVudFN0eWxlIjpudWxsfSwiQXV0b1NpemUiOjAsIkZvcmVncm91bmQiOnsiJGlkIjoiMjM2MyIsIkNvbG9yIjp7IiRpZCI6IjIzNj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0MiIsIkZvcm1hdCI6MCwiSXNWaXNpYmxlIjpmYWxzZSwiTGFzdEtub3duVmlzaWJpbGl0eVN0YXRlIjpmYWxzZX0sIklzVmlzaWJsZSI6dHJ1ZSwiVmFyaWFuY2VTdHlsZSI6eyIkaWQiOiIyNDQzIiwiVGV4dFN0eWxlIjp7IiRpZCI6IjI0NDQiLCJGb250U2V0dGluZ3MiOnsiJGlkIjoiMjQ0NSIsIkZvbnRTaXplIjoxMSwiRm9udE5hbWUiOiJDYWxpYnJpIiwiSXNCb2xkIjpmYWxzZSwiSXNJdGFsaWMiOmZhbHNlLCJJc1VuZGVybGluZWQiOmZhbHNlLCJQYXJlbnRTdHlsZSI6bnVsbH0sIkF1dG9TaXplIjowLCJGb3JlZ3JvdW5kIjp7IiRpZCI6IjI0NDYiLCJDb2xvciI6eyIkaWQiOiIyNDQ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5MCIsIkZvcm1hdCI6MCwiSXNWaXNpYmxlIjpmYWxzZSwiTGFzdEtub3duVmlzaWJpbGl0eVN0YXRlIjpmYWxzZX0sIklzVmlzaWJsZSI6dHJ1ZSwiVmFyaWFuY2VTdHlsZSI6eyIkaWQiOiIyNDkxIiwiVGV4dFN0eWxlIjp7IiRpZCI6IjI0OTIiLCJGb250U2V0dGluZ3MiOnsiJGlkIjoiMjQ5MyIsIkZvbnRTaXplIjoxMSwiRm9udE5hbWUiOiJDYWxpYnJpIiwiSXNCb2xkIjpmYWxzZSwiSXNJdGFsaWMiOmZhbHNlLCJJc1VuZGVybGluZWQiOmZhbHNlLCJQYXJlbnRTdHlsZSI6bnVsbH0sIkF1dG9TaXplIjowLCJGb3JlZ3JvdW5kIjp7IiRpZCI6IjI0OTQiLCJDb2xvciI6eyIkaWQiOiIyNDk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jUiLCJGb3JtYXQiOjAsIklzVmlzaWJsZSI6ZmFsc2UsIkxhc3RLbm93blZpc2liaWxpdHlTdGF0ZSI6ZmFsc2V9LCJJc1Zpc2libGUiOnRydWUsIlZhcmlhbmNlU3R5bGUiOnsiJGlkIjoiMjU2NiIsIlRleHRTdHlsZSI6eyIkaWQiOiIyNTY3IiwiRm9udFNldHRpbmdzIjp7IiRpZCI6IjI1NjgiLCJGb250U2l6ZSI6MTEsIkZvbnROYW1lIjoiQ2FsaWJyaSIsIklzQm9sZCI6ZmFsc2UsIklzSXRhbGljIjpmYWxzZSwiSXNVbmRlcmxpbmVkIjpmYWxzZSwiUGFyZW50U3R5bGUiOm51bGx9LCJBdXRvU2l6ZSI6MCwiRm9yZWdyb3VuZCI6eyIkaWQiOiIyNTY5IiwiQ29sb3IiOnsiJGlkIjoiMjU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zMSIsIkZvcm1hdCI6MCwiSXNWaXNpYmxlIjpmYWxzZSwiTGFzdEtub3duVmlzaWJpbGl0eVN0YXRlIjpmYWxzZX0sIklzVmlzaWJsZSI6dHJ1ZSwiVmFyaWFuY2VTdHlsZSI6eyIkaWQiOiIyNzMyIiwiVGV4dFN0eWxlIjp7IiRpZCI6IjI3MzMiLCJGb250U2V0dGluZ3MiOnsiJGlkIjoiMjczNCIsIkZvbnRTaXplIjoxMSwiRm9udE5hbWUiOiJDYWxpYnJpIiwiSXNCb2xkIjpmYWxzZSwiSXNJdGFsaWMiOmZhbHNlLCJJc1VuZGVybGluZWQiOmZhbHNlLCJQYXJlbnRTdHlsZSI6bnVsbH0sIkF1dG9TaXplIjowLCJGb3JlZ3JvdW5kIjp7IiRpZCI6IjI3MzUiLCJDb2xvciI6eyIkaWQiOiIyNzM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c2IiwiRm9ybWF0IjowLCJJc1Zpc2libGUiOmZhbHNlLCJMYXN0S25vd25WaXNpYmlsaXR5U3RhdGUiOmZhbHNlfSwiSXNWaXNpYmxlIjpmYWxzZSwiVmFyaWFuY2VTdHlsZSI6eyIkaWQiOiIyNzc3IiwiVGV4dFN0eWxlIjp7IiRpZCI6IjI3NzgiLCJGb250U2V0dGluZ3MiOnsiJGlkIjoiMjc3OSIsIkZvbnRTaXplIjoxMSwiRm9udE5hbWUiOiJDYWxpYnJpIiwiSXNCb2xkIjpmYWxzZSwiSXNJdGFsaWMiOmZhbHNlLCJJc1VuZGVybGluZWQiOmZhbHNlLCJQYXJlbnRTdHlsZSI6bnVsbH0sIkF1dG9TaXplIjowLCJGb3JlZ3JvdW5kIjp7IiRpZCI6IjI3ODAiLCJDb2xvciI6eyIkaWQiOiIyNzg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TUiLCJGb3JtYXQiOjAsIklzVmlzaWJsZSI6ZmFsc2UsIkxhc3RLbm93blZpc2liaWxpdHlTdGF0ZSI6ZmFsc2V9LCJJc1Zpc2libGUiOnRydWUsIlZhcmlhbmNlU3R5bGUiOnsiJGlkIjoiMjgxNiIsIlRleHRTdHlsZSI6eyIkaWQiOiIyODE3IiwiRm9udFNldHRpbmdzIjp7IiRpZCI6IjI4MTgiLCJGb250U2l6ZSI6MTEsIkZvbnROYW1lIjoiQ2FsaWJyaSIsIklzQm9sZCI6ZmFsc2UsIklzSXRhbGljIjpmYWxzZSwiSXNVbmRlcmxpbmVkIjpmYWxzZSwiUGFyZW50U3R5bGUiOm51bGx9LCJBdXRvU2l6ZSI6MCwiRm9yZWdyb3VuZCI6eyIkaWQiOiIyODE5IiwiQ29sb3IiOnsiJGlkIjoiMjgy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DIiLCJGb3JtYXQiOjAsIklzVmlzaWJsZSI6ZmFsc2UsIkxhc3RLbm93blZpc2liaWxpdHlTdGF0ZSI6ZmFsc2V9LCJJc1Zpc2libGUiOnRydWUsIlZhcmlhbmNlU3R5bGUiOnsiJGlkIjoiMzAwMyIsIlRleHRTdHlsZSI6eyIkaWQiOiIzMDA0IiwiRm9udFNldHRpbmdzIjp7IiRpZCI6IjMwMDUiLCJGb250U2l6ZSI6MTEsIkZvbnROYW1lIjoiQ2FsaWJyaSIsIklzQm9sZCI6ZmFsc2UsIklzSXRhbGljIjpmYWxzZSwiSXNVbmRlcmxpbmVkIjpmYWxzZSwiUGFyZW50U3R5bGUiOm51bGx9LCJBdXRvU2l6ZSI6MCwiRm9yZWdyb3VuZCI6eyIkaWQiOiIzMDA2IiwiQ29sb3IiOnsiJGlkIjoiMzAw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0NiIsIkZvcm1hdCI6MCwiSXNWaXNpYmxlIjpmYWxzZSwiTGFzdEtub3duVmlzaWJpbGl0eVN0YXRlIjpmYWxzZX0sIklzVmlzaWJsZSI6dHJ1ZSwiVmFyaWFuY2VTdHlsZSI6eyIkaWQiOiIzMDQ3IiwiVGV4dFN0eWxlIjp7IiRpZCI6IjMwNDgiLCJGb250U2V0dGluZ3MiOnsiJGlkIjoiMzA0OSIsIkZvbnRTaXplIjoxMSwiRm9udE5hbWUiOiJDYWxpYnJpIiwiSXNCb2xkIjpmYWxzZSwiSXNJdGFsaWMiOmZhbHNlLCJJc1VuZGVybGluZWQiOmZhbHNlLCJQYXJlbnRTdHlsZSI6bnVsbH0sIkF1dG9TaXplIjowLCJGb3JlZ3JvdW5kIjp7IiRpZCI6IjMwNTAiLCJDb2xvciI6eyIkaWQiOiIzMD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E4IiwiRm9ybWF0IjowLCJJc1Zpc2libGUiOmZhbHNlLCJMYXN0S25vd25WaXNpYmlsaXR5U3RhdGUiOmZhbHNlfSwiSXNWaXNpYmxlIjp0cnVlLCJWYXJpYW5jZVN0eWxlIjp7IiRpZCI6IjMxMTkiLCJUZXh0U3R5bGUiOnsiJGlkIjoiMzEyMCIsIkZvbnRTZXR0aW5ncyI6eyIkaWQiOiIzMTIxIiwiRm9udFNpemUiOjExLCJGb250TmFtZSI6IkNhbGlicmkiLCJJc0JvbGQiOmZhbHNlLCJJc0l0YWxpYyI6ZmFsc2UsIklzVW5kZXJsaW5lZCI6ZmFsc2UsIlBhcmVudFN0eWxlIjpudWxsfSwiQXV0b1NpemUiOjAsIkZvcmVncm91bmQiOnsiJGlkIjoiMzEyMiIsIkNvbG9yIjp7IiRpZCI6IjMxM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Q1IiwiRm9ybWF0IjowLCJJc1Zpc2libGUiOmZhbHNlLCJMYXN0S25vd25WaXNpYmlsaXR5U3RhdGUiOmZhbHNlfSwiSXNWaXNpYmxlIjp0cnVlLCJWYXJpYW5jZVN0eWxlIjp7IiRpZCI6IjMyNDYiLCJUZXh0U3R5bGUiOnsiJGlkIjoiMzI0NyIsIkZvbnRTZXR0aW5ncyI6eyIkaWQiOiIzMjQ4IiwiRm9udFNpemUiOjExLCJGb250TmFtZSI6IkNhbGlicmkiLCJJc0JvbGQiOmZhbHNlLCJJc0l0YWxpYyI6ZmFsc2UsIklzVW5kZXJsaW5lZCI6ZmFsc2UsIlBhcmVudFN0eWxlIjpudWxsfSwiQXV0b1NpemUiOjAsIkZvcmVncm91bmQiOnsiJGlkIjoiMzI0OSIsIkNvbG9yIjp7IiRpZCI6IjMyNT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5MCIsIkZvcm1hdCI6MCwiSXNWaXNpYmxlIjpmYWxzZSwiTGFzdEtub3duVmlzaWJpbGl0eVN0YXRlIjpmYWxzZX0sIklzVmlzaWJsZSI6dHJ1ZSwiVmFyaWFuY2VTdHlsZSI6eyIkaWQiOiIzMjkxIiwiVGV4dFN0eWxlIjp7IiRpZCI6IjMyOTIiLCJGb250U2V0dGluZ3MiOnsiJGlkIjoiMzI5MyIsIkZvbnRTaXplIjoxMSwiRm9udE5hbWUiOiJDYWxpYnJpIiwiSXNCb2xkIjpmYWxzZSwiSXNJdGFsaWMiOmZhbHNlLCJJc1VuZGVybGluZWQiOmZhbHNlLCJQYXJlbnRTdHlsZSI6bnVsbH0sIkF1dG9TaXplIjowLCJGb3JlZ3JvdW5kIjp7IiRpZCI6IjMyOTQiLCJDb2xvciI6eyIkaWQiOiIzMj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yOSIsIkZvcm1hdCI6MCwiSXNWaXNpYmxlIjpmYWxzZSwiTGFzdEtub3duVmlzaWJpbGl0eVN0YXRlIjpmYWxzZX0sIklzVmlzaWJsZSI6dHJ1ZSwiVmFyaWFuY2VTdHlsZSI6eyIkaWQiOiIzMzMwIiwiVGV4dFN0eWxlIjp7IiRpZCI6IjMzMzEiLCJGb250U2V0dGluZ3MiOnsiJGlkIjoiMzMzMiIsIkZvbnRTaXplIjoxMSwiRm9udE5hbWUiOiJDYWxpYnJpIiwiSXNCb2xkIjpmYWxzZSwiSXNJdGFsaWMiOmZhbHNlLCJJc1VuZGVybGluZWQiOmZhbHNlLCJQYXJlbnRTdHlsZSI6bnVsbH0sIkF1dG9TaXplIjowLCJGb3JlZ3JvdW5kIjp7IiRpZCI6IjMzMzMiLCJDb2xvciI6eyIkaWQiOiIzMzM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jMiLCJGb3JtYXQiOjAsIklzVmlzaWJsZSI6ZmFsc2UsIkxhc3RLbm93blZpc2liaWxpdHlTdGF0ZSI6ZmFsc2V9LCJJc1Zpc2libGUiOnRydWUsIlZhcmlhbmNlU3R5bGUiOnsiJGlkIjoiMzQ2NCIsIlRleHRTdHlsZSI6eyIkaWQiOiIzNDY1IiwiRm9udFNldHRpbmdzIjp7IiRpZCI6IjM0NjYiLCJGb250U2l6ZSI6MTEsIkZvbnROYW1lIjoiQ2FsaWJyaSIsIklzQm9sZCI6ZmFsc2UsIklzSXRhbGljIjpmYWxzZSwiSXNVbmRlcmxpbmVkIjpmYWxzZSwiUGFyZW50U3R5bGUiOm51bGx9LCJBdXRvU2l6ZSI6MCwiRm9yZWdyb3VuZCI6eyIkaWQiOiIzNDY3IiwiQ29sb3IiOnsiJGlkIjoiMzQ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A4IiwiRm9ybWF0IjowLCJJc1Zpc2libGUiOmZhbHNlLCJMYXN0S25vd25WaXNpYmlsaXR5U3RhdGUiOmZhbHNlfSwiSXNWaXNpYmxlIjpmYWxzZSwiVmFyaWFuY2VTdHlsZSI6eyIkaWQiOiIzNTA5IiwiVGV4dFN0eWxlIjp7IiRpZCI6IjM1MTAiLCJGb250U2V0dGluZ3MiOnsiJGlkIjoiMzUxMSIsIkZvbnRTaXplIjoxMSwiRm9udE5hbWUiOiJDYWxpYnJpIiwiSXNCb2xkIjpmYWxzZSwiSXNJdGFsaWMiOmZhbHNlLCJJc1VuZGVybGluZWQiOmZhbHNlLCJQYXJlbnRTdHlsZSI6bnVsbH0sIkF1dG9TaXplIjowLCJGb3JlZ3JvdW5kIjp7IiRpZCI6IjM1MTIiLCJDb2xvciI6eyIkaWQiOiIzNTE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DciLCJGb3JtYXQiOjAsIklzVmlzaWJsZSI6ZmFsc2UsIkxhc3RLbm93blZpc2liaWxpdHlTdGF0ZSI6ZmFsc2V9LCJJc1Zpc2libGUiOnRydWUsIlZhcmlhbmNlU3R5bGUiOnsiJGlkIjoiMzU0OCIsIlRleHRTdHlsZSI6eyIkaWQiOiIzNTQ5IiwiRm9udFNldHRpbmdzIjp7IiRpZCI6IjM1NTAiLCJGb250U2l6ZSI6MTEsIkZvbnROYW1lIjoiQ2FsaWJyaSIsIklzQm9sZCI6ZmFsc2UsIklzSXRhbGljIjpmYWxzZSwiSXNVbmRlcmxpbmVkIjpmYWxzZSwiUGFyZW50U3R5bGUiOm51bGx9LCJBdXRvU2l6ZSI6MCwiRm9yZWdyb3VuZCI6eyIkaWQiOiIzNTUxIiwiQ29sb3IiOnsiJGlkIjoiMzU1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ODEiLCJGb3JtYXQiOjAsIklzVmlzaWJsZSI6ZmFsc2UsIkxhc3RLbm93blZpc2liaWxpdHlTdGF0ZSI6ZmFsc2V9LCJJc1Zpc2libGUiOnRydWUsIlZhcmlhbmNlU3R5bGUiOnsiJGlkIjoiMzY4MiIsIlRleHRTdHlsZSI6eyIkaWQiOiIzNjgzIiwiRm9udFNldHRpbmdzIjp7IiRpZCI6IjM2ODQiLCJGb250U2l6ZSI6MTEsIkZvbnROYW1lIjoiQ2FsaWJyaSIsIklzQm9sZCI6ZmFsc2UsIklzSXRhbGljIjpmYWxzZSwiSXNVbmRlcmxpbmVkIjpmYWxzZSwiUGFyZW50U3R5bGUiOm51bGx9LCJBdXRvU2l6ZSI6MCwiRm9yZWdyb3VuZCI6eyIkaWQiOiIzNjg1IiwiQ29sb3IiOnsiJGlkIjoiMzY4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yNiIsIkZvcm1hdCI6MCwiSXNWaXNpYmxlIjpmYWxzZSwiTGFzdEtub3duVmlzaWJpbGl0eVN0YXRlIjpmYWxzZX0sIklzVmlzaWJsZSI6ZmFsc2UsIlZhcmlhbmNlU3R5bGUiOnsiJGlkIjoiMzcyNyIsIlRleHRTdHlsZSI6eyIkaWQiOiIzNzI4IiwiRm9udFNldHRpbmdzIjp7IiRpZCI6IjM3MjkiLCJGb250U2l6ZSI6MTEsIkZvbnROYW1lIjoiQ2FsaWJyaSIsIklzQm9sZCI6ZmFsc2UsIklzSXRhbGljIjpmYWxzZSwiSXNVbmRlcmxpbmVkIjpmYWxzZSwiUGFyZW50U3R5bGUiOm51bGx9LCJBdXRvU2l6ZSI6MCwiRm9yZWdyb3VuZCI6eyIkaWQiOiIzNzMwIiwiQ29sb3IiOnsiJGlkIjoiMzcz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jUiLCJGb3JtYXQiOjAsIklzVmlzaWJsZSI6ZmFsc2UsIkxhc3RLbm93blZpc2liaWxpdHlTdGF0ZSI6ZmFsc2V9LCJJc1Zpc2libGUiOnRydWUsIlZhcmlhbmNlU3R5bGUiOnsiJGlkIjoiMzc2NiIsIlRleHRTdHlsZSI6eyIkaWQiOiIzNzY3IiwiRm9udFNldHRpbmdzIjp7IiRpZCI6IjM3NjgiLCJGb250U2l6ZSI6MTEsIkZvbnROYW1lIjoiQ2FsaWJyaSIsIklzQm9sZCI6ZmFsc2UsIklzSXRhbGljIjpmYWxzZSwiSXNVbmRlcmxpbmVkIjpmYWxzZSwiUGFyZW50U3R5bGUiOm51bGx9LCJBdXRvU2l6ZSI6MCwiRm9yZWdyb3VuZCI6eyIkaWQiOiIzNzY5IiwiQ29sb3IiOnsiJGlkIjoiMzc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k5IiwiRm9ybWF0IjowLCJJc1Zpc2libGUiOmZhbHNlLCJMYXN0S25vd25WaXNpYmlsaXR5U3RhdGUiOmZhbHNlfSwiSXNWaXNpYmxlIjp0cnVlLCJWYXJpYW5jZVN0eWxlIjp7IiRpZCI6IjM5MDAiLCJUZXh0U3R5bGUiOnsiJGlkIjoiMzkwMSIsIkZvbnRTZXR0aW5ncyI6eyIkaWQiOiIzOTAyIiwiRm9udFNpemUiOjExLCJGb250TmFtZSI6IkNhbGlicmkiLCJJc0JvbGQiOmZhbHNlLCJJc0l0YWxpYyI6ZmFsc2UsIklzVW5kZXJsaW5lZCI6ZmFsc2UsIlBhcmVudFN0eWxlIjpudWxsfSwiQXV0b1NpemUiOjAsIkZvcmVncm91bmQiOnsiJGlkIjoiMzkwMyIsIkNvbG9yIjp7IiRpZCI6IjM5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DQiLCJGb3JtYXQiOjAsIklzVmlzaWJsZSI6ZmFsc2UsIkxhc3RLbm93blZpc2liaWxpdHlTdGF0ZSI6ZmFsc2V9LCJJc1Zpc2libGUiOmZhbHNlLCJWYXJpYW5jZVN0eWxlIjp7IiRpZCI6IjM5NDUiLCJUZXh0U3R5bGUiOnsiJGlkIjoiMzk0NiIsIkZvbnRTZXR0aW5ncyI6eyIkaWQiOiIzOTQ3IiwiRm9udFNpemUiOjExLCJGb250TmFtZSI6IkNhbGlicmkiLCJJc0JvbGQiOmZhbHNlLCJJc0l0YWxpYyI6ZmFsc2UsIklzVW5kZXJsaW5lZCI6ZmFsc2UsIlBhcmVudFN0eWxlIjpudWxsfSwiQXV0b1NpemUiOjAsIkZvcmVncm91bmQiOnsiJGlkIjoiMzk0OCIsIkNvbG9yIjp7IiRpZCI6IjM5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4MyIsIkZvcm1hdCI6MCwiSXNWaXNpYmxlIjpmYWxzZSwiTGFzdEtub3duVmlzaWJpbGl0eVN0YXRlIjpmYWxzZX0sIklzVmlzaWJsZSI6dHJ1ZSwiVmFyaWFuY2VTdHlsZSI6eyIkaWQiOiIzOTg0IiwiVGV4dFN0eWxlIjp7IiRpZCI6IjM5ODUiLCJGb250U2V0dGluZ3MiOnsiJGlkIjoiMzk4NiIsIkZvbnRTaXplIjoxMSwiRm9udE5hbWUiOiJDYWxpYnJpIiwiSXNCb2xkIjpmYWxzZSwiSXNJdGFsaWMiOmZhbHNlLCJJc1VuZGVybGluZWQiOmZhbHNlLCJQYXJlbnRTdHlsZSI6bnVsbH0sIkF1dG9TaXplIjowLCJGb3JlZ3JvdW5kIjp7IiRpZCI6IjM5ODciLCJDb2xvciI6eyIkaWQiOiIzOTg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TEiLCJGb3JtYXQiOjAsIklzVmlzaWJsZSI6ZmFsc2UsIkxhc3RLbm93blZpc2liaWxpdHlTdGF0ZSI6ZmFsc2V9LCJJc1Zpc2libGUiOnRydWUsIlZhcmlhbmNlU3R5bGUiOnsiJGlkIjoiNDE1MiIsIlRleHRTdHlsZSI6eyIkaWQiOiI0MTUzIiwiRm9udFNldHRpbmdzIjp7IiRpZCI6IjQxNTQiLCJGb250U2l6ZSI6MTEsIkZvbnROYW1lIjoiQ2FsaWJyaSIsIklzQm9sZCI6ZmFsc2UsIklzSXRhbGljIjpmYWxzZSwiSXNVbmRlcmxpbmVkIjpmYWxzZSwiUGFyZW50U3R5bGUiOm51bGx9LCJBdXRvU2l6ZSI6MCwiRm9yZWdyb3VuZCI6eyIkaWQiOiI0MTU1IiwiQ29sb3IiOnsiJGlkIjoiNDE1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zLFwiR1wiOjExMyxcIkJcIjo1M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MyLFwiR1wiOjIzMixcIkJcIjoyMzJ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E0LFwiR1wiOjQw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z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NTEsXCJSXCI6MjEsXCJHXCI6OTYsXCJCXCI6MTMwfX0sXCJMaW5lV2VpZ2h0XCI6MS4wLFwiTGluZVR5cGVcIjowfSxcIklzVmlzaWJsZVwiOnRydWV9LFwiVmVydGljYWxDb25uZWN0b3JTdHlsZVwiOntcIiRpZFwiOlwiNjBcIixcIkxpbmVTdHlsZVwiOntcIiRpZFwiOlwiNjFcIixcIkxpbmVDb2xvclwiOntcIiRpZFwiOlwiNjJcIixcIkNvbG9yXCI6e1wiJGlkXCI6XCI2M1wiLFwiQVwiOjUxLFwiUlwiOjIxLFwiR1wiOjk2LFwiQlwiOjEzMH19LFwiTGluZVdlaWdodFwiOjE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E4XCIsXCJGb3JtYXRcIjowLFwiSXNWaXNpYmxlXCI6ZmFsc2UsXCJMYXN0S25vd25WaXNpYmlsaXR5U3RhdGVcIjpmYWxzZX0sXCJWYXJpYW5jZVN0eWxlXCI6e1wiJGlkXCI6XCIyMTlcIixcIlZhcmlhbmNlVGV4dF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Y5IiwiVXNlVGltZSI6ZmFsc2UsIldvcmtEYXlTdGFydCI6IjAwOjAwOjAwIiwiV29ya0RheUVuZCI6IjIzOjU5OjAwIn0sIkxhc3RVc2VkVGVtcGxhdGVJZCI6IjAwMDAwMDAwLTAwMDAtMDAwMC0wMDAwLTAwMDAwMDAwMDAwMCIsIkxhc3RVc2VkVGhlbWVEZXRhaWxzIjp7IiRpZCI6IjQxNzAiLCJJZCI6IjA0ODcxNWIwLWQ1NzgtNGMyZi1hMzI2LTg4MThiZTI0NzI0OSIsIlRpdGxlIjoiQmFzZWxpbmUiLCJDYXRlZ29yeSI6MX0sIkZpcnN0V2Vla09mWWVhciI6MCwiUGxhY2VNaWxlc3RvbmVBdFRoZUJlZ2lubmluZ09mVGhlRGF5IjpmYWxzZSwiRGVwZW5kZW5jeVNjaGVkdWxpbmdTZXR0aW5ncyI6eyIkaWQiOiI0MTc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-live"/>
  <p:tag name="OTLBASELINEDATE" val="2025-12-14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0"/>
  <p:tag name="OTLDATE" val="2026-12-14T23:59:00.0000000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952187e-737b-4e4b-8988-35c1309a9b32"/>
  <p:tag name="OTLDEPDESTINATIONID" val="d45175e9-e201-438d-af37-5b4a89e16d06"/>
  <p:tag name="OTLDEPENDENCYLAGUNIT" val="Undefined"/>
  <p:tag name="OTLDEPENDENCYLAGVALUE" val="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d45175e9-e201-438d-af37-5b4a89e16d06"/>
  <p:tag name="OTLDEPDESTINATIONID" val="841822c4-302d-406f-b850-d067efc89277"/>
  <p:tag name="OTLDEPENDENCYLAGUNIT" val="Undefined"/>
  <p:tag name="OTLDEPENDENCYLAGVALUE" val="0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49685e1-0db2-4fa5-a62e-0174bb7dcb1b"/>
  <p:tag name="OTLDEPDESTINATIONID" val="f4fd6fab-770f-4172-a5c3-da835f158a3c"/>
  <p:tag name="OTLDEPENDENCYLAGUNIT" val="Undefined"/>
  <p:tag name="OTLDEPENDENCYLAGVALUE" val="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a3a0e9b-60be-4c21-8555-919014e7f823"/>
  <p:tag name="OTLDEPDESTINATIONID" val="2fd6183d-04ea-430d-87ab-0824d3b37358"/>
  <p:tag name="OTLDEPENDENCYLAGUNIT" val="Undefined"/>
  <p:tag name="OTLDEPENDENCYLAGVALUE" val="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fd6183d-04ea-430d-87ab-0824d3b37358"/>
  <p:tag name="OTLDEPDESTINATIONID" val="b90a8ea1-8ad5-40fe-9cbd-1a4aa4027717"/>
  <p:tag name="OTLDEPENDENCYLAGUNIT" val="Undefined"/>
  <p:tag name="OTLDEPENDENCYLAGVALUE" val="0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f4fd6fab-770f-4172-a5c3-da835f158a3c"/>
  <p:tag name="OTLDEPDESTINATIONID" val="6a3a0e9b-60be-4c21-8555-919014e7f823"/>
  <p:tag name="OTLDEPENDENCYLAGUNIT" val="Undefined"/>
  <p:tag name="OTLDEPENDENCYLAGVALUE" val="0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41822c4-302d-406f-b850-d067efc89277"/>
  <p:tag name="OTLDEPDESTINATIONID" val="949685e1-0db2-4fa5-a62e-0174bb7dcb1b"/>
  <p:tag name="OTLDEPENDENCYLAGUNIT" val="Undefined"/>
  <p:tag name="OTLDEPENDENCYLAGVALUE" val="0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118.903106547664"/>
  <p:tag name="OTLTIMEBANDFYSTARTMONTH" val="January"/>
  <p:tag name="OTLTIMEBANDSHOWFYLABEL" val="True"/>
  <p:tag name="OTLTIMEBANDUSESTARTINGOFTHEYEARFORFYNUMBERING" val="True"/>
  <p:tag name="OTLTIMEBANDRESERVEDLEFTAREAWIDTH" val="76.9107068160335"/>
  <p:tag name="OTLTIMEBANDRESERVEDLEFTAREAISSET" val="True"/>
  <p:tag name="OTLTIMEBANDDEPENABLED" val="Tru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ENDDATE" val="2027-03-28T23:59:00.0000000"/>
  <p:tag name="OTLTIMEBANDDEPSCHEDULINGMODE" val="Flexibl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118.903106547664"/>
  <p:tag name="OTLTIMEBANDFYSTARTMONTH" val="January"/>
  <p:tag name="OTLTIMEBANDSHOWFYLABEL" val="True"/>
  <p:tag name="OTLTIMEBANDUSESTARTINGOFTHEYEARFORFYNUMBERING" val="True"/>
  <p:tag name="OTLTIMEBANDRESERVEDLEFTAREAWIDTH" val="76.9107068160335"/>
  <p:tag name="OTLTIMEBANDRESERVEDLEFTAREAISSET" val="True"/>
  <p:tag name="OTLTIMEBANDDEPENABLED" val="Tru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ENDDATE" val="2027-03-28T23:59:00.0000000"/>
  <p:tag name="OTLTIMEBANDDEPSCHEDULINGMODE" val="Flexible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118.903106547664"/>
  <p:tag name="OTLTIMEBANDFYSTARTMONTH" val="January"/>
  <p:tag name="OTLTIMEBANDSHOWFYLABEL" val="True"/>
  <p:tag name="OTLTIMEBANDUSESTARTINGOFTHEYEARFORFYNUMBERING" val="True"/>
  <p:tag name="OTLTIMEBANDRESERVEDLEFTAREAWIDTH" val="76.9107068160335"/>
  <p:tag name="OTLTIMEBANDRESERVEDLEFTAREAISSET" val="True"/>
  <p:tag name="OTLTIMEBANDDEPENABLED" val="Tru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w"/>
  <p:tag name="OTLTIMEBANDSCALETYPE" val="Weeks"/>
  <p:tag name="OTLTIMEBANDSHAPETYPE" val="RectangleTimeband"/>
  <p:tag name="OTLTIMEBANDSHAPEHEIGHT" val="14.3999996185303"/>
  <p:tag name="OTLTIMEBANDSHAPEPADDINGLEFT" val="0"/>
  <p:tag name="OTLTIMEBANDENDDATE" val="2027-03-28T23:59:00.0000000"/>
  <p:tag name="OTLTIMEBANDDEPSCHEDULINGMODE" val="Flexible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itial budget"/>
  <p:tag name="OTLDATE" val="2026-04-08T23:59:00.0000000"/>
  <p:tag name="OTLBASELINEDATE" val="2025-04-08T23:59:00.0000000"/>
  <p:tag name="OTLPOSITIONONTASK" val="Above"/>
  <p:tag name="OTLRELATEDTASKID" val="9161a82f-c029-4b20-b758-e6f3a230537b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munication plan"/>
  <p:tag name="OTLDATE" val="2026-06-12T23:59:00.0000000"/>
  <p:tag name="OTLBASELINEDATE" val="2025-06-12T23:59:00.0000000"/>
  <p:tag name="OTLPOSITIONONTASK" val="Above"/>
  <p:tag name="OTLRELATEDTASKID" val="3952187e-737b-4e4b-8988-35c1309a9b32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isk assessment"/>
  <p:tag name="OTLDATE" val="2026-04-30T23:59:00.0000000"/>
  <p:tag name="OTLBASELINEDATE" val="2025-04-30T23:59:00.0000000"/>
  <p:tag name="OTLPOSITIONONTASK" val="Above"/>
  <p:tag name="OTLRELATEDTASKID" val="dd90907b-5e8b-4a3d-b6fd-a9304f5f9b60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timate ROI"/>
  <p:tag name="OTLDATE" val="2026-05-07T23:59:00.0000000"/>
  <p:tag name="OTLBASELINEDATE" val="2025-05-07T23:59:00.0000000"/>
  <p:tag name="OTLPOSITIONONTASK" val="Below"/>
  <p:tag name="OTLRELATEDTASKID" val="fd18cb50-e5e9-486d-a70a-0b4f0dcd0717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egration testing"/>
  <p:tag name="OTLDATE" val="2026-09-15T23:59:00.0000000"/>
  <p:tag name="OTLBASELINEDATE" val="2025-09-15T23:59:00.0000000"/>
  <p:tag name="OTLPOSITIONONTASK" val="Below"/>
  <p:tag name="OTLRELATEDTASKID" val="841822c4-302d-406f-b850-d067efc89277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ystem optimization"/>
  <p:tag name="OTLDATE" val="2027-02-15T23:59:00.0000000"/>
  <p:tag name="OTLBASELINEDATE" val="2026-02-15T23:59:00.0000000"/>
  <p:tag name="OTLPOSITIONONTASK" val="Below"/>
  <p:tag name="OTLRELATEDTASKID" val="b90a8ea1-8ad5-40fe-9cbd-1a4aa4027717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nowledge transfer"/>
  <p:tag name="OTLDATE" val="2027-03-15T23:59:00.0000000"/>
  <p:tag name="OTLBASELINEDATE" val="2026-03-15T23:59:00.0000000"/>
  <p:tag name="OTLPOSITIONONTASK" val="Below"/>
  <p:tag name="OTLRELATEDTASKID" val="b90a8ea1-8ad5-40fe-9cbd-1a4aa4027717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4-07T00:00:00.0000000"/>
  <p:tag name="OTLBASELINEENDDATE" val="2025-06-15T23:59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4-07T00:00:00.0000000Z"/>
  <p:tag name="OTLENDDATE" val="2026-06-15T23:59:00.0000000Z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4-07T00:00:00.0000000"/>
  <p:tag name="OTLBASELINEENDDATE" val="2025-04-20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4-07T00:00:00.0000000Z"/>
  <p:tag name="OTLENDDATE" val="2026-04-20T23:59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4-21T00:00:00.0000000"/>
  <p:tag name="OTLBASELINEENDDATE" val="2025-05-10T23:59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4-21T00:00:00.0000000Z"/>
  <p:tag name="OTLENDDATE" val="2026-05-10T23:59:00.0000000Z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5-11T00:00:00.0000000Z"/>
  <p:tag name="OTLBASELINEENDDATE" val="2025-05-18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5-11T00:00:00.0000000Z"/>
  <p:tag name="OTLENDDATE" val="2026-05-18T23:59:00.0000000Z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5-19T00:00:00.0000000"/>
  <p:tag name="OTLBASELINEENDDATE" val="2025-06-15T23:59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5-19T00:00:00.0000000Z"/>
  <p:tag name="OTLENDDATE" val="2026-06-15T23:59:00.0000000Z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6-16T00:00:00.0000000"/>
  <p:tag name="OTLBASELINEENDDATE" val="2025-10-12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6-16T00:00:00.0000000Z"/>
  <p:tag name="OTLENDDATE" val="2026-10-12T23:59:00.0000000Z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6-16T00:00:00.0000000"/>
  <p:tag name="OTLBASELINEENDDATE" val="2025-07-11T23:59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6-16T00:00:00.0000000Z"/>
  <p:tag name="OTLENDDATE" val="2026-07-11T23:59:00.0000000Z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7-14T00:00:00.0000000Z"/>
  <p:tag name="OTLBASELINEENDDATE" val="2025-09-19T23:59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7-14T00:00:00.0000000Z"/>
  <p:tag name="OTLENDDATE" val="2026-09-19T23:59:00.0000000Z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9-22T00:00:00.0000000Z"/>
  <p:tag name="OTLBASELINEENDDATE" val="2025-10-10T23:59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9-22T00:00:00.0000000Z"/>
  <p:tag name="OTLENDDATE" val="2026-10-10T23:59:00.0000000Z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09-22T00:00:00.0000000"/>
  <p:tag name="OTLBASELINEENDDATE" val="2025-10-12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09-22T00:00:00.0000000Z"/>
  <p:tag name="OTLENDDATE" val="2026-10-12T23:59:00.0000000Z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10-13T00:00:00.0000000"/>
  <p:tag name="OTLBASELINEENDDATE" val="2026-01-10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0-13T00:00:00.0000000Z"/>
  <p:tag name="OTLENDDATE" val="2027-01-10T23:59:00.0000000Z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10-13T00:00:00.0000000"/>
  <p:tag name="OTLBASELINEENDDATE" val="2025-11-02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0-13T00:00:00.0000000Z"/>
  <p:tag name="OTLENDDATE" val="2026-11-02T23:59:00.0000000Z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11-03T00:00:00.0000000"/>
  <p:tag name="OTLBASELINEENDDATE" val="2025-11-16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1-03T00:00:00.0000000Z"/>
  <p:tag name="OTLENDDATE" val="2026-11-16T23:59:00.0000000Z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11-17T00:00:00.0000000"/>
  <p:tag name="OTLBASELINEENDDATE" val="2025-12-12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1-17T00:00:00.0000000Z"/>
  <p:tag name="OTLENDDATE" val="2026-12-12T23:59:00.0000000Z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12-08T00:00:00.0000000"/>
  <p:tag name="OTLBASELINEENDDATE" val="2025-12-14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2-08T00:00:00.0000000Z"/>
  <p:tag name="OTLENDDATE" val="2026-12-14T23:59:00.0000000Z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12-15T00:00:00.0000000"/>
  <p:tag name="OTLBASELINEENDDATE" val="2026-01-09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2-15T00:00:00.0000000Z"/>
  <p:tag name="OTLENDDATE" val="2027-01-09T23:59:00.0000000Z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BASELINESTARTDATE" val="2025-12-14T00:00:00.0000000Z"/>
  <p:tag name="OTLBASELINEENDDATE" val="2026-03-28T23:59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6-12-14T00:00:00.0000000Z"/>
  <p:tag name="OTLENDDATE" val="2027-03-28T23:59:00.0000000Z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90</Words>
  <Application>Microsoft Office PowerPoint</Application>
  <PresentationFormat>Widescreen</PresentationFormat>
  <Paragraphs>13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ptos</vt:lpstr>
      <vt:lpstr>Aptos Display</vt:lpstr>
      <vt:lpstr>Arial</vt:lpstr>
      <vt:lpstr>Calibri</vt:lpstr>
      <vt:lpstr>Calibri Light</vt:lpstr>
      <vt:lpstr>Segoe UI</vt:lpstr>
      <vt:lpstr>Segoe UI Light</vt:lpstr>
      <vt:lpstr>Segoe UI Semibold</vt:lpstr>
      <vt:lpstr>1_Office Theme</vt:lpstr>
      <vt:lpstr>2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6-02-24T10:23:27Z</dcterms:created>
  <dcterms:modified xsi:type="dcterms:W3CDTF">2026-02-24T10:24:08Z</dcterms:modified>
</cp:coreProperties>
</file>